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3"/>
  </p:notesMasterIdLst>
  <p:handoutMasterIdLst>
    <p:handoutMasterId r:id="rId14"/>
  </p:handoutMasterIdLst>
  <p:sldIdLst>
    <p:sldId id="256" r:id="rId8"/>
    <p:sldId id="287" r:id="rId9"/>
    <p:sldId id="275" r:id="rId10"/>
    <p:sldId id="288" r:id="rId11"/>
    <p:sldId id="289" r:id="rId12"/>
  </p:sldIdLst>
  <p:sldSz cx="12190413" cy="6858000"/>
  <p:notesSz cx="6858000" cy="9144000"/>
  <p:custDataLst>
    <p:tags r:id="rId15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A6642BC-634F-4859-B7F5-DBAF206FB4D4}" v="32" dt="2021-06-07T14:32:25.45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25" autoAdjust="0"/>
    <p:restoredTop sz="96098" autoAdjust="0"/>
  </p:normalViewPr>
  <p:slideViewPr>
    <p:cSldViewPr showGuides="1">
      <p:cViewPr varScale="1">
        <p:scale>
          <a:sx n="115" d="100"/>
          <a:sy n="115" d="100"/>
        </p:scale>
        <p:origin x="258" y="10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notesMaster" Target="notesMasters/notesMas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microsoft.com/office/2015/10/relationships/revisionInfo" Target="revisionInfo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20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handoutMaster" Target="handoutMasters/handoutMaster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lan Wai Hou Lio" userId="4e2e7dda-a9a8-4e9f-8daf-fb8d3a66df36" providerId="ADAL" clId="{4A6642BC-634F-4859-B7F5-DBAF206FB4D4}"/>
    <pc:docChg chg="undo custSel addSld delSld modSld">
      <pc:chgData name="Alan Wai Hou Lio" userId="4e2e7dda-a9a8-4e9f-8daf-fb8d3a66df36" providerId="ADAL" clId="{4A6642BC-634F-4859-B7F5-DBAF206FB4D4}" dt="2021-06-07T14:33:01.526" v="504" actId="2710"/>
      <pc:docMkLst>
        <pc:docMk/>
      </pc:docMkLst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1796381250" sldId="257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1116912554" sldId="261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1976450084" sldId="262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1103038777" sldId="263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1067254325" sldId="264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1859971929" sldId="265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3175162259" sldId="269"/>
        </pc:sldMkLst>
      </pc:sldChg>
      <pc:sldChg chg="modSp mod">
        <pc:chgData name="Alan Wai Hou Lio" userId="4e2e7dda-a9a8-4e9f-8daf-fb8d3a66df36" providerId="ADAL" clId="{4A6642BC-634F-4859-B7F5-DBAF206FB4D4}" dt="2021-06-07T14:27:38.283" v="391" actId="20577"/>
        <pc:sldMkLst>
          <pc:docMk/>
          <pc:sldMk cId="3717669386" sldId="275"/>
        </pc:sldMkLst>
        <pc:spChg chg="mod">
          <ac:chgData name="Alan Wai Hou Lio" userId="4e2e7dda-a9a8-4e9f-8daf-fb8d3a66df36" providerId="ADAL" clId="{4A6642BC-634F-4859-B7F5-DBAF206FB4D4}" dt="2021-06-07T14:27:38.283" v="391" actId="20577"/>
          <ac:spMkLst>
            <pc:docMk/>
            <pc:sldMk cId="3717669386" sldId="275"/>
            <ac:spMk id="5" creationId="{00000000-0000-0000-0000-000000000000}"/>
          </ac:spMkLst>
        </pc:spChg>
        <pc:spChg chg="mod">
          <ac:chgData name="Alan Wai Hou Lio" userId="4e2e7dda-a9a8-4e9f-8daf-fb8d3a66df36" providerId="ADAL" clId="{4A6642BC-634F-4859-B7F5-DBAF206FB4D4}" dt="2021-06-07T13:35:34.795" v="39" actId="20577"/>
          <ac:spMkLst>
            <pc:docMk/>
            <pc:sldMk cId="3717669386" sldId="275"/>
            <ac:spMk id="6" creationId="{00000000-0000-0000-0000-000000000000}"/>
          </ac:spMkLst>
        </pc:spChg>
      </pc:sldChg>
      <pc:sldChg chg="modSp">
        <pc:chgData name="Alan Wai Hou Lio" userId="4e2e7dda-a9a8-4e9f-8daf-fb8d3a66df36" providerId="ADAL" clId="{4A6642BC-634F-4859-B7F5-DBAF206FB4D4}" dt="2021-06-07T13:35:08.344" v="3" actId="404"/>
        <pc:sldMkLst>
          <pc:docMk/>
          <pc:sldMk cId="886120306" sldId="287"/>
        </pc:sldMkLst>
        <pc:spChg chg="mod">
          <ac:chgData name="Alan Wai Hou Lio" userId="4e2e7dda-a9a8-4e9f-8daf-fb8d3a66df36" providerId="ADAL" clId="{4A6642BC-634F-4859-B7F5-DBAF206FB4D4}" dt="2021-06-07T13:35:08.344" v="3" actId="404"/>
          <ac:spMkLst>
            <pc:docMk/>
            <pc:sldMk cId="886120306" sldId="287"/>
            <ac:spMk id="4" creationId="{674358EA-4D5B-461F-997D-DE6729900DE7}"/>
          </ac:spMkLst>
        </pc:spChg>
      </pc:sldChg>
      <pc:sldChg chg="addSp delSp modSp new mod">
        <pc:chgData name="Alan Wai Hou Lio" userId="4e2e7dda-a9a8-4e9f-8daf-fb8d3a66df36" providerId="ADAL" clId="{4A6642BC-634F-4859-B7F5-DBAF206FB4D4}" dt="2021-06-07T14:27:11.091" v="348" actId="1076"/>
        <pc:sldMkLst>
          <pc:docMk/>
          <pc:sldMk cId="1851965238" sldId="288"/>
        </pc:sldMkLst>
        <pc:spChg chg="mod">
          <ac:chgData name="Alan Wai Hou Lio" userId="4e2e7dda-a9a8-4e9f-8daf-fb8d3a66df36" providerId="ADAL" clId="{4A6642BC-634F-4859-B7F5-DBAF206FB4D4}" dt="2021-06-07T13:57:14.499" v="179" actId="20577"/>
          <ac:spMkLst>
            <pc:docMk/>
            <pc:sldMk cId="1851965238" sldId="288"/>
            <ac:spMk id="2" creationId="{19C18A05-DDBA-4557-A6CF-C1307968B6B9}"/>
          </ac:spMkLst>
        </pc:spChg>
        <pc:spChg chg="del mod">
          <ac:chgData name="Alan Wai Hou Lio" userId="4e2e7dda-a9a8-4e9f-8daf-fb8d3a66df36" providerId="ADAL" clId="{4A6642BC-634F-4859-B7F5-DBAF206FB4D4}" dt="2021-06-07T14:23:13.278" v="296" actId="478"/>
          <ac:spMkLst>
            <pc:docMk/>
            <pc:sldMk cId="1851965238" sldId="288"/>
            <ac:spMk id="3" creationId="{AB608DDC-385D-4612-A20B-EDDC62B26AAF}"/>
          </ac:spMkLst>
        </pc:spChg>
        <pc:spChg chg="add del mod">
          <ac:chgData name="Alan Wai Hou Lio" userId="4e2e7dda-a9a8-4e9f-8daf-fb8d3a66df36" providerId="ADAL" clId="{4A6642BC-634F-4859-B7F5-DBAF206FB4D4}" dt="2021-06-07T14:22:29.912" v="246"/>
          <ac:spMkLst>
            <pc:docMk/>
            <pc:sldMk cId="1851965238" sldId="288"/>
            <ac:spMk id="5" creationId="{3684DA24-DB91-41BD-8DD6-DA1EC5F77C82}"/>
          </ac:spMkLst>
        </pc:spChg>
        <pc:spChg chg="add mod">
          <ac:chgData name="Alan Wai Hou Lio" userId="4e2e7dda-a9a8-4e9f-8daf-fb8d3a66df36" providerId="ADAL" clId="{4A6642BC-634F-4859-B7F5-DBAF206FB4D4}" dt="2021-06-07T14:23:21.314" v="298" actId="1076"/>
          <ac:spMkLst>
            <pc:docMk/>
            <pc:sldMk cId="1851965238" sldId="288"/>
            <ac:spMk id="6" creationId="{54192A56-8354-4E76-82BF-E8FD83D70B7B}"/>
          </ac:spMkLst>
        </pc:spChg>
        <pc:spChg chg="add mod">
          <ac:chgData name="Alan Wai Hou Lio" userId="4e2e7dda-a9a8-4e9f-8daf-fb8d3a66df36" providerId="ADAL" clId="{4A6642BC-634F-4859-B7F5-DBAF206FB4D4}" dt="2021-06-07T14:26:39.993" v="345" actId="20577"/>
          <ac:spMkLst>
            <pc:docMk/>
            <pc:sldMk cId="1851965238" sldId="288"/>
            <ac:spMk id="7" creationId="{2E3AFE50-003F-46DC-BE13-ACAFC1863F6D}"/>
          </ac:spMkLst>
        </pc:spChg>
        <pc:graphicFrameChg chg="add del mod">
          <ac:chgData name="Alan Wai Hou Lio" userId="4e2e7dda-a9a8-4e9f-8daf-fb8d3a66df36" providerId="ADAL" clId="{4A6642BC-634F-4859-B7F5-DBAF206FB4D4}" dt="2021-06-07T14:23:47.325" v="300"/>
          <ac:graphicFrameMkLst>
            <pc:docMk/>
            <pc:sldMk cId="1851965238" sldId="288"/>
            <ac:graphicFrameMk id="8" creationId="{2265AA79-12A9-4FB5-8D06-05691368AAB0}"/>
          </ac:graphicFrameMkLst>
        </pc:graphicFrameChg>
        <pc:graphicFrameChg chg="add mod modGraphic">
          <ac:chgData name="Alan Wai Hou Lio" userId="4e2e7dda-a9a8-4e9f-8daf-fb8d3a66df36" providerId="ADAL" clId="{4A6642BC-634F-4859-B7F5-DBAF206FB4D4}" dt="2021-06-07T14:26:25.073" v="330" actId="1076"/>
          <ac:graphicFrameMkLst>
            <pc:docMk/>
            <pc:sldMk cId="1851965238" sldId="288"/>
            <ac:graphicFrameMk id="9" creationId="{3C2DDF8A-25E0-4BE6-A7EE-4E71E70BE65E}"/>
          </ac:graphicFrameMkLst>
        </pc:graphicFrameChg>
        <pc:graphicFrameChg chg="add mod">
          <ac:chgData name="Alan Wai Hou Lio" userId="4e2e7dda-a9a8-4e9f-8daf-fb8d3a66df36" providerId="ADAL" clId="{4A6642BC-634F-4859-B7F5-DBAF206FB4D4}" dt="2021-06-07T14:27:11.091" v="348" actId="1076"/>
          <ac:graphicFrameMkLst>
            <pc:docMk/>
            <pc:sldMk cId="1851965238" sldId="288"/>
            <ac:graphicFrameMk id="10" creationId="{3DC36E2D-E380-44B6-A687-2BC470913E5E}"/>
          </ac:graphicFrameMkLst>
        </pc:graphicFrameChg>
      </pc:sldChg>
      <pc:sldChg chg="modSp new mod">
        <pc:chgData name="Alan Wai Hou Lio" userId="4e2e7dda-a9a8-4e9f-8daf-fb8d3a66df36" providerId="ADAL" clId="{4A6642BC-634F-4859-B7F5-DBAF206FB4D4}" dt="2021-06-07T14:33:01.526" v="504" actId="2710"/>
        <pc:sldMkLst>
          <pc:docMk/>
          <pc:sldMk cId="796311170" sldId="289"/>
        </pc:sldMkLst>
        <pc:spChg chg="mod">
          <ac:chgData name="Alan Wai Hou Lio" userId="4e2e7dda-a9a8-4e9f-8daf-fb8d3a66df36" providerId="ADAL" clId="{4A6642BC-634F-4859-B7F5-DBAF206FB4D4}" dt="2021-06-07T14:32:38.199" v="460" actId="20577"/>
          <ac:spMkLst>
            <pc:docMk/>
            <pc:sldMk cId="796311170" sldId="289"/>
            <ac:spMk id="2" creationId="{58FAD162-F3DD-4B34-9E27-62B90ECAF6BB}"/>
          </ac:spMkLst>
        </pc:spChg>
        <pc:spChg chg="mod">
          <ac:chgData name="Alan Wai Hou Lio" userId="4e2e7dda-a9a8-4e9f-8daf-fb8d3a66df36" providerId="ADAL" clId="{4A6642BC-634F-4859-B7F5-DBAF206FB4D4}" dt="2021-06-07T14:33:01.526" v="504" actId="2710"/>
          <ac:spMkLst>
            <pc:docMk/>
            <pc:sldMk cId="796311170" sldId="289"/>
            <ac:spMk id="3" creationId="{7FD9A2D4-AC76-4790-BB51-A73F82733492}"/>
          </ac:spMkLst>
        </pc:spChg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1560481198" sldId="289"/>
        </pc:sldMkLst>
      </pc:sldChg>
      <pc:sldChg chg="new del">
        <pc:chgData name="Alan Wai Hou Lio" userId="4e2e7dda-a9a8-4e9f-8daf-fb8d3a66df36" providerId="ADAL" clId="{4A6642BC-634F-4859-B7F5-DBAF206FB4D4}" dt="2021-06-07T14:21:31.177" v="221" actId="47"/>
        <pc:sldMkLst>
          <pc:docMk/>
          <pc:sldMk cId="486628746" sldId="290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3014980694" sldId="290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705623479" sldId="291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3288464396" sldId="292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2166225631" sldId="293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1089283600" sldId="296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3785708882" sldId="297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4225219025" sldId="298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1233478976" sldId="299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3155007109" sldId="300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4055543664" sldId="301"/>
        </pc:sldMkLst>
      </pc:sldChg>
      <pc:sldChg chg="del">
        <pc:chgData name="Alan Wai Hou Lio" userId="4e2e7dda-a9a8-4e9f-8daf-fb8d3a66df36" providerId="ADAL" clId="{4A6642BC-634F-4859-B7F5-DBAF206FB4D4}" dt="2021-06-07T13:35:19.417" v="4" actId="47"/>
        <pc:sldMkLst>
          <pc:docMk/>
          <pc:sldMk cId="3457511859" sldId="302"/>
        </pc:sldMkLst>
      </pc:sldChg>
    </pc:docChg>
  </pc:docChgLst>
  <pc:docChgLst>
    <pc:chgData name="Alan Wai Hou Lio" userId="4e2e7dda-a9a8-4e9f-8daf-fb8d3a66df36" providerId="ADAL" clId="{FD376C26-B4CF-41E1-87D9-A59DDF770948}"/>
    <pc:docChg chg="undo custSel addSld delSld modSld sldOrd">
      <pc:chgData name="Alan Wai Hou Lio" userId="4e2e7dda-a9a8-4e9f-8daf-fb8d3a66df36" providerId="ADAL" clId="{FD376C26-B4CF-41E1-87D9-A59DDF770948}" dt="2021-06-03T15:02:35.258" v="4203" actId="2710"/>
      <pc:docMkLst>
        <pc:docMk/>
      </pc:docMkLst>
      <pc:sldChg chg="addSp modSp add del mod modAnim">
        <pc:chgData name="Alan Wai Hou Lio" userId="4e2e7dda-a9a8-4e9f-8daf-fb8d3a66df36" providerId="ADAL" clId="{FD376C26-B4CF-41E1-87D9-A59DDF770948}" dt="2021-06-03T14:51:21.402" v="3626" actId="20577"/>
        <pc:sldMkLst>
          <pc:docMk/>
          <pc:sldMk cId="1796381250" sldId="257"/>
        </pc:sldMkLst>
        <pc:spChg chg="mod">
          <ac:chgData name="Alan Wai Hou Lio" userId="4e2e7dda-a9a8-4e9f-8daf-fb8d3a66df36" providerId="ADAL" clId="{FD376C26-B4CF-41E1-87D9-A59DDF770948}" dt="2021-06-03T14:51:21.402" v="3626" actId="20577"/>
          <ac:spMkLst>
            <pc:docMk/>
            <pc:sldMk cId="1796381250" sldId="257"/>
            <ac:spMk id="5" creationId="{43AB9D89-4678-4B3C-8679-3E429EFBB2DD}"/>
          </ac:spMkLst>
        </pc:spChg>
        <pc:spChg chg="mod">
          <ac:chgData name="Alan Wai Hou Lio" userId="4e2e7dda-a9a8-4e9f-8daf-fb8d3a66df36" providerId="ADAL" clId="{FD376C26-B4CF-41E1-87D9-A59DDF770948}" dt="2021-06-03T13:37:59.044" v="3033" actId="20577"/>
          <ac:spMkLst>
            <pc:docMk/>
            <pc:sldMk cId="1796381250" sldId="257"/>
            <ac:spMk id="6" creationId="{5A5890CD-8F90-4FE7-841F-F7B0C2865BA2}"/>
          </ac:spMkLst>
        </pc:spChg>
        <pc:spChg chg="add mod">
          <ac:chgData name="Alan Wai Hou Lio" userId="4e2e7dda-a9a8-4e9f-8daf-fb8d3a66df36" providerId="ADAL" clId="{FD376C26-B4CF-41E1-87D9-A59DDF770948}" dt="2021-06-03T13:37:37.328" v="3026" actId="1076"/>
          <ac:spMkLst>
            <pc:docMk/>
            <pc:sldMk cId="1796381250" sldId="257"/>
            <ac:spMk id="7" creationId="{E3A49D51-099D-4699-AF2A-CC7656B85B5C}"/>
          </ac:spMkLst>
        </pc:spChg>
        <pc:spChg chg="add mod">
          <ac:chgData name="Alan Wai Hou Lio" userId="4e2e7dda-a9a8-4e9f-8daf-fb8d3a66df36" providerId="ADAL" clId="{FD376C26-B4CF-41E1-87D9-A59DDF770948}" dt="2021-06-03T13:38:25.900" v="3038" actId="1076"/>
          <ac:spMkLst>
            <pc:docMk/>
            <pc:sldMk cId="1796381250" sldId="257"/>
            <ac:spMk id="8" creationId="{4BA59FBC-A8DC-49FF-AFB1-44ED18EC8A48}"/>
          </ac:spMkLst>
        </pc:spChg>
        <pc:spChg chg="add mod">
          <ac:chgData name="Alan Wai Hou Lio" userId="4e2e7dda-a9a8-4e9f-8daf-fb8d3a66df36" providerId="ADAL" clId="{FD376C26-B4CF-41E1-87D9-A59DDF770948}" dt="2021-06-03T13:38:40.947" v="3040" actId="1076"/>
          <ac:spMkLst>
            <pc:docMk/>
            <pc:sldMk cId="1796381250" sldId="257"/>
            <ac:spMk id="10" creationId="{30B35A5D-9165-44AC-BD60-C9E9EA7709E2}"/>
          </ac:spMkLst>
        </pc:spChg>
        <pc:cxnChg chg="add mod">
          <ac:chgData name="Alan Wai Hou Lio" userId="4e2e7dda-a9a8-4e9f-8daf-fb8d3a66df36" providerId="ADAL" clId="{FD376C26-B4CF-41E1-87D9-A59DDF770948}" dt="2021-06-03T13:38:21.796" v="3037" actId="14100"/>
          <ac:cxnSpMkLst>
            <pc:docMk/>
            <pc:sldMk cId="1796381250" sldId="257"/>
            <ac:cxnSpMk id="9" creationId="{C2802CBD-2A62-4B54-9641-2B32183222F9}"/>
          </ac:cxnSpMkLst>
        </pc:cxnChg>
      </pc:sldChg>
      <pc:sldChg chg="del">
        <pc:chgData name="Alan Wai Hou Lio" userId="4e2e7dda-a9a8-4e9f-8daf-fb8d3a66df36" providerId="ADAL" clId="{FD376C26-B4CF-41E1-87D9-A59DDF770948}" dt="2021-06-03T09:59:45.381" v="1" actId="47"/>
        <pc:sldMkLst>
          <pc:docMk/>
          <pc:sldMk cId="2320714135" sldId="260"/>
        </pc:sldMkLst>
      </pc:sldChg>
      <pc:sldChg chg="addSp delSp modSp mod delAnim modAnim">
        <pc:chgData name="Alan Wai Hou Lio" userId="4e2e7dda-a9a8-4e9f-8daf-fb8d3a66df36" providerId="ADAL" clId="{FD376C26-B4CF-41E1-87D9-A59DDF770948}" dt="2021-06-03T10:32:30.786" v="746"/>
        <pc:sldMkLst>
          <pc:docMk/>
          <pc:sldMk cId="1116912554" sldId="261"/>
        </pc:sldMkLst>
        <pc:spChg chg="add del mod">
          <ac:chgData name="Alan Wai Hou Lio" userId="4e2e7dda-a9a8-4e9f-8daf-fb8d3a66df36" providerId="ADAL" clId="{FD376C26-B4CF-41E1-87D9-A59DDF770948}" dt="2021-06-03T10:05:24.892" v="54" actId="767"/>
          <ac:spMkLst>
            <pc:docMk/>
            <pc:sldMk cId="1116912554" sldId="261"/>
            <ac:spMk id="2" creationId="{DD44A295-A239-4EB1-B8CA-D9D1CFACEB11}"/>
          </ac:spMkLst>
        </pc:spChg>
        <pc:spChg chg="add del mod">
          <ac:chgData name="Alan Wai Hou Lio" userId="4e2e7dda-a9a8-4e9f-8daf-fb8d3a66df36" providerId="ADAL" clId="{FD376C26-B4CF-41E1-87D9-A59DDF770948}" dt="2021-06-03T10:09:56.026" v="142" actId="478"/>
          <ac:spMkLst>
            <pc:docMk/>
            <pc:sldMk cId="1116912554" sldId="261"/>
            <ac:spMk id="4" creationId="{9949322B-4FE9-445C-8593-30F9F0A4A60F}"/>
          </ac:spMkLst>
        </pc:spChg>
        <pc:spChg chg="add mod">
          <ac:chgData name="Alan Wai Hou Lio" userId="4e2e7dda-a9a8-4e9f-8daf-fb8d3a66df36" providerId="ADAL" clId="{FD376C26-B4CF-41E1-87D9-A59DDF770948}" dt="2021-06-03T10:10:06.746" v="146" actId="1076"/>
          <ac:spMkLst>
            <pc:docMk/>
            <pc:sldMk cId="1116912554" sldId="261"/>
            <ac:spMk id="5" creationId="{DE592019-E679-4BD4-B27D-CD1CD563DEC1}"/>
          </ac:spMkLst>
        </pc:spChg>
        <pc:spChg chg="add mod">
          <ac:chgData name="Alan Wai Hou Lio" userId="4e2e7dda-a9a8-4e9f-8daf-fb8d3a66df36" providerId="ADAL" clId="{FD376C26-B4CF-41E1-87D9-A59DDF770948}" dt="2021-06-03T10:17:07.727" v="256" actId="1076"/>
          <ac:spMkLst>
            <pc:docMk/>
            <pc:sldMk cId="1116912554" sldId="261"/>
            <ac:spMk id="6" creationId="{30D851C0-A213-4319-922C-BC7588D0440D}"/>
          </ac:spMkLst>
        </pc:spChg>
        <pc:spChg chg="add mod">
          <ac:chgData name="Alan Wai Hou Lio" userId="4e2e7dda-a9a8-4e9f-8daf-fb8d3a66df36" providerId="ADAL" clId="{FD376C26-B4CF-41E1-87D9-A59DDF770948}" dt="2021-06-03T10:07:25.093" v="74" actId="14100"/>
          <ac:spMkLst>
            <pc:docMk/>
            <pc:sldMk cId="1116912554" sldId="261"/>
            <ac:spMk id="14" creationId="{54D8DA8B-6C92-4D07-866A-AF44FC32F12B}"/>
          </ac:spMkLst>
        </pc:spChg>
        <pc:spChg chg="mod topLvl">
          <ac:chgData name="Alan Wai Hou Lio" userId="4e2e7dda-a9a8-4e9f-8daf-fb8d3a66df36" providerId="ADAL" clId="{FD376C26-B4CF-41E1-87D9-A59DDF770948}" dt="2021-06-03T10:07:25.093" v="74" actId="14100"/>
          <ac:spMkLst>
            <pc:docMk/>
            <pc:sldMk cId="1116912554" sldId="261"/>
            <ac:spMk id="16" creationId="{4FC3A75F-63D2-432D-A4AE-6708823D3E3C}"/>
          </ac:spMkLst>
        </pc:spChg>
        <pc:spChg chg="del mod topLvl">
          <ac:chgData name="Alan Wai Hou Lio" userId="4e2e7dda-a9a8-4e9f-8daf-fb8d3a66df36" providerId="ADAL" clId="{FD376C26-B4CF-41E1-87D9-A59DDF770948}" dt="2021-06-03T10:06:53.867" v="67" actId="478"/>
          <ac:spMkLst>
            <pc:docMk/>
            <pc:sldMk cId="1116912554" sldId="261"/>
            <ac:spMk id="17" creationId="{364F0F49-B807-4A25-A8B7-D2FB3A955479}"/>
          </ac:spMkLst>
        </pc:spChg>
        <pc:spChg chg="mod topLvl">
          <ac:chgData name="Alan Wai Hou Lio" userId="4e2e7dda-a9a8-4e9f-8daf-fb8d3a66df36" providerId="ADAL" clId="{FD376C26-B4CF-41E1-87D9-A59DDF770948}" dt="2021-06-03T10:07:25.093" v="74" actId="14100"/>
          <ac:spMkLst>
            <pc:docMk/>
            <pc:sldMk cId="1116912554" sldId="261"/>
            <ac:spMk id="19" creationId="{C16D884C-5E2B-47E6-81A0-A7EAE5124483}"/>
          </ac:spMkLst>
        </pc:spChg>
        <pc:spChg chg="del mod topLvl">
          <ac:chgData name="Alan Wai Hou Lio" userId="4e2e7dda-a9a8-4e9f-8daf-fb8d3a66df36" providerId="ADAL" clId="{FD376C26-B4CF-41E1-87D9-A59DDF770948}" dt="2021-06-03T10:07:02.975" v="70" actId="478"/>
          <ac:spMkLst>
            <pc:docMk/>
            <pc:sldMk cId="1116912554" sldId="261"/>
            <ac:spMk id="20" creationId="{67C29602-1177-45B0-961B-3120516EC380}"/>
          </ac:spMkLst>
        </pc:spChg>
        <pc:spChg chg="add del mod">
          <ac:chgData name="Alan Wai Hou Lio" userId="4e2e7dda-a9a8-4e9f-8daf-fb8d3a66df36" providerId="ADAL" clId="{FD376C26-B4CF-41E1-87D9-A59DDF770948}" dt="2021-06-03T10:06:56.197" v="69" actId="478"/>
          <ac:spMkLst>
            <pc:docMk/>
            <pc:sldMk cId="1116912554" sldId="261"/>
            <ac:spMk id="21" creationId="{60C722A5-C497-4B58-A7E2-FD24183E95D0}"/>
          </ac:spMkLst>
        </pc:spChg>
        <pc:spChg chg="add del mod">
          <ac:chgData name="Alan Wai Hou Lio" userId="4e2e7dda-a9a8-4e9f-8daf-fb8d3a66df36" providerId="ADAL" clId="{FD376C26-B4CF-41E1-87D9-A59DDF770948}" dt="2021-06-03T10:06:55.032" v="68" actId="478"/>
          <ac:spMkLst>
            <pc:docMk/>
            <pc:sldMk cId="1116912554" sldId="261"/>
            <ac:spMk id="22" creationId="{2362B024-BCD3-4093-806F-41F438864798}"/>
          </ac:spMkLst>
        </pc:spChg>
        <pc:spChg chg="add del mod">
          <ac:chgData name="Alan Wai Hou Lio" userId="4e2e7dda-a9a8-4e9f-8daf-fb8d3a66df36" providerId="ADAL" clId="{FD376C26-B4CF-41E1-87D9-A59DDF770948}" dt="2021-06-03T10:07:06.322" v="71" actId="478"/>
          <ac:spMkLst>
            <pc:docMk/>
            <pc:sldMk cId="1116912554" sldId="261"/>
            <ac:spMk id="23" creationId="{7322588B-BC0A-48D3-9E4C-203E1A57B9DA}"/>
          </ac:spMkLst>
        </pc:spChg>
        <pc:spChg chg="add del mod">
          <ac:chgData name="Alan Wai Hou Lio" userId="4e2e7dda-a9a8-4e9f-8daf-fb8d3a66df36" providerId="ADAL" clId="{FD376C26-B4CF-41E1-87D9-A59DDF770948}" dt="2021-06-03T10:17:46.036" v="263"/>
          <ac:spMkLst>
            <pc:docMk/>
            <pc:sldMk cId="1116912554" sldId="261"/>
            <ac:spMk id="29" creationId="{605370CE-296E-4EBC-8B10-9AEE2FE14238}"/>
          </ac:spMkLst>
        </pc:spChg>
        <pc:spChg chg="add del mod">
          <ac:chgData name="Alan Wai Hou Lio" userId="4e2e7dda-a9a8-4e9f-8daf-fb8d3a66df36" providerId="ADAL" clId="{FD376C26-B4CF-41E1-87D9-A59DDF770948}" dt="2021-06-03T10:32:30.786" v="746"/>
          <ac:spMkLst>
            <pc:docMk/>
            <pc:sldMk cId="1116912554" sldId="261"/>
            <ac:spMk id="30" creationId="{4B9DCCF6-7110-4A83-946B-ED6F45A47F13}"/>
          </ac:spMkLst>
        </pc:spChg>
        <pc:spChg chg="mod">
          <ac:chgData name="Alan Wai Hou Lio" userId="4e2e7dda-a9a8-4e9f-8daf-fb8d3a66df36" providerId="ADAL" clId="{FD376C26-B4CF-41E1-87D9-A59DDF770948}" dt="2021-06-03T10:12:59.578" v="167" actId="1038"/>
          <ac:spMkLst>
            <pc:docMk/>
            <pc:sldMk cId="1116912554" sldId="261"/>
            <ac:spMk id="55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13:02.906" v="172" actId="1036"/>
          <ac:spMkLst>
            <pc:docMk/>
            <pc:sldMk cId="1116912554" sldId="261"/>
            <ac:spMk id="57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5:37.540" v="60" actId="20577"/>
          <ac:spMkLst>
            <pc:docMk/>
            <pc:sldMk cId="1116912554" sldId="261"/>
            <ac:spMk id="58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5:35.665" v="59" actId="20577"/>
          <ac:spMkLst>
            <pc:docMk/>
            <pc:sldMk cId="1116912554" sldId="261"/>
            <ac:spMk id="59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5:28.923" v="56" actId="1076"/>
          <ac:spMkLst>
            <pc:docMk/>
            <pc:sldMk cId="1116912554" sldId="261"/>
            <ac:spMk id="62" creationId="{00000000-0000-0000-0000-000000000000}"/>
          </ac:spMkLst>
        </pc:spChg>
        <pc:grpChg chg="add mod">
          <ac:chgData name="Alan Wai Hou Lio" userId="4e2e7dda-a9a8-4e9f-8daf-fb8d3a66df36" providerId="ADAL" clId="{FD376C26-B4CF-41E1-87D9-A59DDF770948}" dt="2021-06-03T10:07:25.093" v="74" actId="14100"/>
          <ac:grpSpMkLst>
            <pc:docMk/>
            <pc:sldMk cId="1116912554" sldId="261"/>
            <ac:grpSpMk id="3" creationId="{F6F48400-9D0E-4472-8831-2BFFD0C131D0}"/>
          </ac:grpSpMkLst>
        </pc:grpChg>
        <pc:grpChg chg="add del mod">
          <ac:chgData name="Alan Wai Hou Lio" userId="4e2e7dda-a9a8-4e9f-8daf-fb8d3a66df36" providerId="ADAL" clId="{FD376C26-B4CF-41E1-87D9-A59DDF770948}" dt="2021-06-03T10:06:53.867" v="67" actId="478"/>
          <ac:grpSpMkLst>
            <pc:docMk/>
            <pc:sldMk cId="1116912554" sldId="261"/>
            <ac:grpSpMk id="15" creationId="{50907CB2-9A57-426D-B519-A4CBE790541E}"/>
          </ac:grpSpMkLst>
        </pc:grpChg>
        <pc:grpChg chg="add del mod">
          <ac:chgData name="Alan Wai Hou Lio" userId="4e2e7dda-a9a8-4e9f-8daf-fb8d3a66df36" providerId="ADAL" clId="{FD376C26-B4CF-41E1-87D9-A59DDF770948}" dt="2021-06-03T10:07:02.975" v="70" actId="478"/>
          <ac:grpSpMkLst>
            <pc:docMk/>
            <pc:sldMk cId="1116912554" sldId="261"/>
            <ac:grpSpMk id="18" creationId="{521C9987-82EE-4DC8-B8AE-93494D9CBD06}"/>
          </ac:grpSpMkLst>
        </pc:grpChg>
        <pc:picChg chg="add del mod">
          <ac:chgData name="Alan Wai Hou Lio" userId="4e2e7dda-a9a8-4e9f-8daf-fb8d3a66df36" providerId="ADAL" clId="{FD376C26-B4CF-41E1-87D9-A59DDF770948}" dt="2021-06-03T10:06:13.090" v="63"/>
          <ac:picMkLst>
            <pc:docMk/>
            <pc:sldMk cId="1116912554" sldId="261"/>
            <ac:picMk id="12" creationId="{48E8B0FB-3516-4F98-9877-6496D27510FA}"/>
          </ac:picMkLst>
        </pc:picChg>
        <pc:picChg chg="add mod">
          <ac:chgData name="Alan Wai Hou Lio" userId="4e2e7dda-a9a8-4e9f-8daf-fb8d3a66df36" providerId="ADAL" clId="{FD376C26-B4CF-41E1-87D9-A59DDF770948}" dt="2021-06-03T10:07:25.093" v="74" actId="14100"/>
          <ac:picMkLst>
            <pc:docMk/>
            <pc:sldMk cId="1116912554" sldId="261"/>
            <ac:picMk id="13" creationId="{182ADE30-BA3F-4000-89E5-DB01F854C4C7}"/>
          </ac:picMkLst>
        </pc:picChg>
        <pc:picChg chg="mod">
          <ac:chgData name="Alan Wai Hou Lio" userId="4e2e7dda-a9a8-4e9f-8daf-fb8d3a66df36" providerId="ADAL" clId="{FD376C26-B4CF-41E1-87D9-A59DDF770948}" dt="2021-06-03T10:12:40.378" v="156" actId="1076"/>
          <ac:picMkLst>
            <pc:docMk/>
            <pc:sldMk cId="1116912554" sldId="261"/>
            <ac:picMk id="53" creationId="{00000000-0000-0000-0000-000000000000}"/>
          </ac:picMkLst>
        </pc:picChg>
        <pc:picChg chg="del mod">
          <ac:chgData name="Alan Wai Hou Lio" userId="4e2e7dda-a9a8-4e9f-8daf-fb8d3a66df36" providerId="ADAL" clId="{FD376C26-B4CF-41E1-87D9-A59DDF770948}" dt="2021-06-03T10:06:46.668" v="64" actId="478"/>
          <ac:picMkLst>
            <pc:docMk/>
            <pc:sldMk cId="1116912554" sldId="261"/>
            <ac:picMk id="63" creationId="{00000000-0000-0000-0000-000000000000}"/>
          </ac:picMkLst>
        </pc:picChg>
        <pc:cxnChg chg="add del mod">
          <ac:chgData name="Alan Wai Hou Lio" userId="4e2e7dda-a9a8-4e9f-8daf-fb8d3a66df36" providerId="ADAL" clId="{FD376C26-B4CF-41E1-87D9-A59DDF770948}" dt="2021-06-03T10:07:07.377" v="72" actId="478"/>
          <ac:cxnSpMkLst>
            <pc:docMk/>
            <pc:sldMk cId="1116912554" sldId="261"/>
            <ac:cxnSpMk id="24" creationId="{66C91F95-AD40-41D2-BDF7-E074C217B200}"/>
          </ac:cxnSpMkLst>
        </pc:cxnChg>
      </pc:sldChg>
      <pc:sldChg chg="delSp modSp add mod">
        <pc:chgData name="Alan Wai Hou Lio" userId="4e2e7dda-a9a8-4e9f-8daf-fb8d3a66df36" providerId="ADAL" clId="{FD376C26-B4CF-41E1-87D9-A59DDF770948}" dt="2021-06-03T14:51:10.786" v="3624" actId="20577"/>
        <pc:sldMkLst>
          <pc:docMk/>
          <pc:sldMk cId="1976450084" sldId="262"/>
        </pc:sldMkLst>
        <pc:spChg chg="mod">
          <ac:chgData name="Alan Wai Hou Lio" userId="4e2e7dda-a9a8-4e9f-8daf-fb8d3a66df36" providerId="ADAL" clId="{FD376C26-B4CF-41E1-87D9-A59DDF770948}" dt="2021-06-03T14:51:10.786" v="3624" actId="20577"/>
          <ac:spMkLst>
            <pc:docMk/>
            <pc:sldMk cId="1976450084" sldId="262"/>
            <ac:spMk id="2" creationId="{3E092035-269C-4A01-92F1-5DA339ACA0D1}"/>
          </ac:spMkLst>
        </pc:spChg>
        <pc:spChg chg="mod">
          <ac:chgData name="Alan Wai Hou Lio" userId="4e2e7dda-a9a8-4e9f-8daf-fb8d3a66df36" providerId="ADAL" clId="{FD376C26-B4CF-41E1-87D9-A59DDF770948}" dt="2021-06-03T13:42:13.482" v="3057" actId="20577"/>
          <ac:spMkLst>
            <pc:docMk/>
            <pc:sldMk cId="1976450084" sldId="262"/>
            <ac:spMk id="3" creationId="{B3CE353D-75A1-4956-87D1-0B83D1B60104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20" creationId="{69EFEC86-2721-4E25-9144-59B7117BDEBE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21" creationId="{6CDE4694-4558-432F-894C-E7F79212F7A6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22" creationId="{452E50C7-238D-483F-BAAC-5CE416ACC4E5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39" creationId="{697EADD6-9149-4292-A411-DAB42F6999A1}"/>
          </ac:spMkLst>
        </pc:spChg>
        <pc:spChg chg="mod">
          <ac:chgData name="Alan Wai Hou Lio" userId="4e2e7dda-a9a8-4e9f-8daf-fb8d3a66df36" providerId="ADAL" clId="{FD376C26-B4CF-41E1-87D9-A59DDF770948}" dt="2021-06-03T13:42:58.591" v="3072" actId="1035"/>
          <ac:spMkLst>
            <pc:docMk/>
            <pc:sldMk cId="1976450084" sldId="262"/>
            <ac:spMk id="43" creationId="{7C495BFD-F3FE-4FA8-9E9E-C0DD12DCD0BA}"/>
          </ac:spMkLst>
        </pc:spChg>
        <pc:spChg chg="del">
          <ac:chgData name="Alan Wai Hou Lio" userId="4e2e7dda-a9a8-4e9f-8daf-fb8d3a66df36" providerId="ADAL" clId="{FD376C26-B4CF-41E1-87D9-A59DDF770948}" dt="2021-06-03T13:42:51.656" v="3065" actId="478"/>
          <ac:spMkLst>
            <pc:docMk/>
            <pc:sldMk cId="1976450084" sldId="262"/>
            <ac:spMk id="47" creationId="{B4853389-7AC3-4901-BC1E-465482D17461}"/>
          </ac:spMkLst>
        </pc:spChg>
        <pc:spChg chg="del">
          <ac:chgData name="Alan Wai Hou Lio" userId="4e2e7dda-a9a8-4e9f-8daf-fb8d3a66df36" providerId="ADAL" clId="{FD376C26-B4CF-41E1-87D9-A59DDF770948}" dt="2021-06-03T13:42:52.388" v="3066" actId="478"/>
          <ac:spMkLst>
            <pc:docMk/>
            <pc:sldMk cId="1976450084" sldId="262"/>
            <ac:spMk id="48" creationId="{AC1C82F0-F48C-47B7-9FCA-1471C5D606BC}"/>
          </ac:spMkLst>
        </pc:spChg>
        <pc:grpChg chg="del">
          <ac:chgData name="Alan Wai Hou Lio" userId="4e2e7dda-a9a8-4e9f-8daf-fb8d3a66df36" providerId="ADAL" clId="{FD376C26-B4CF-41E1-87D9-A59DDF770948}" dt="2021-06-03T13:42:50.446" v="3064" actId="478"/>
          <ac:grpSpMkLst>
            <pc:docMk/>
            <pc:sldMk cId="1976450084" sldId="262"/>
            <ac:grpSpMk id="15" creationId="{8624927B-1CE1-46FF-90AA-447D45FB7202}"/>
          </ac:grpSpMkLst>
        </pc:grpChg>
        <pc:grpChg chg="mod">
          <ac:chgData name="Alan Wai Hou Lio" userId="4e2e7dda-a9a8-4e9f-8daf-fb8d3a66df36" providerId="ADAL" clId="{FD376C26-B4CF-41E1-87D9-A59DDF770948}" dt="2021-06-03T13:42:58.591" v="3072" actId="1035"/>
          <ac:grpSpMkLst>
            <pc:docMk/>
            <pc:sldMk cId="1976450084" sldId="262"/>
            <ac:grpSpMk id="23" creationId="{ADFD1F55-0AAE-4A5F-98B2-097CF68FCD64}"/>
          </ac:grpSpMkLst>
        </pc:grpChg>
        <pc:cxnChg chg="mod">
          <ac:chgData name="Alan Wai Hou Lio" userId="4e2e7dda-a9a8-4e9f-8daf-fb8d3a66df36" providerId="ADAL" clId="{FD376C26-B4CF-41E1-87D9-A59DDF770948}" dt="2021-06-03T13:42:58.591" v="3072" actId="1035"/>
          <ac:cxnSpMkLst>
            <pc:docMk/>
            <pc:sldMk cId="1976450084" sldId="262"/>
            <ac:cxnSpMk id="45" creationId="{5A00468A-6473-48ED-9A47-9E151B2F6630}"/>
          </ac:cxnSpMkLst>
        </pc:cxnChg>
      </pc:sldChg>
      <pc:sldChg chg="addSp delSp modSp del mod">
        <pc:chgData name="Alan Wai Hou Lio" userId="4e2e7dda-a9a8-4e9f-8daf-fb8d3a66df36" providerId="ADAL" clId="{FD376C26-B4CF-41E1-87D9-A59DDF770948}" dt="2021-06-03T10:13:25.437" v="173" actId="47"/>
        <pc:sldMkLst>
          <pc:docMk/>
          <pc:sldMk cId="3826915553" sldId="262"/>
        </pc:sldMkLst>
        <pc:spChg chg="add mod">
          <ac:chgData name="Alan Wai Hou Lio" userId="4e2e7dda-a9a8-4e9f-8daf-fb8d3a66df36" providerId="ADAL" clId="{FD376C26-B4CF-41E1-87D9-A59DDF770948}" dt="2021-06-03T10:08:26.138" v="94" actId="5793"/>
          <ac:spMkLst>
            <pc:docMk/>
            <pc:sldMk cId="3826915553" sldId="262"/>
            <ac:spMk id="2" creationId="{C0A7B615-A80B-4359-80F4-D812B56CCBA1}"/>
          </ac:spMkLst>
        </pc:spChg>
        <pc:spChg chg="mod">
          <ac:chgData name="Alan Wai Hou Lio" userId="4e2e7dda-a9a8-4e9f-8daf-fb8d3a66df36" providerId="ADAL" clId="{FD376C26-B4CF-41E1-87D9-A59DDF770948}" dt="2021-06-03T10:08:20.400" v="93" actId="1035"/>
          <ac:spMkLst>
            <pc:docMk/>
            <pc:sldMk cId="3826915553" sldId="262"/>
            <ac:spMk id="8" creationId="{AD878908-2D26-485B-98F2-900692FE6EB8}"/>
          </ac:spMkLst>
        </pc:spChg>
        <pc:spChg chg="mod">
          <ac:chgData name="Alan Wai Hou Lio" userId="4e2e7dda-a9a8-4e9f-8daf-fb8d3a66df36" providerId="ADAL" clId="{FD376C26-B4CF-41E1-87D9-A59DDF770948}" dt="2021-06-03T10:08:20.400" v="93" actId="1035"/>
          <ac:spMkLst>
            <pc:docMk/>
            <pc:sldMk cId="3826915553" sldId="262"/>
            <ac:spMk id="9" creationId="{5EFC6EF1-D0C2-42D5-929B-27C61608834F}"/>
          </ac:spMkLst>
        </pc:spChg>
        <pc:spChg chg="mod">
          <ac:chgData name="Alan Wai Hou Lio" userId="4e2e7dda-a9a8-4e9f-8daf-fb8d3a66df36" providerId="ADAL" clId="{FD376C26-B4CF-41E1-87D9-A59DDF770948}" dt="2021-06-03T10:08:20.400" v="93" actId="1035"/>
          <ac:spMkLst>
            <pc:docMk/>
            <pc:sldMk cId="3826915553" sldId="262"/>
            <ac:spMk id="10" creationId="{B6B474CE-24D1-41C8-AD99-9FAD99ED129D}"/>
          </ac:spMkLst>
        </pc:spChg>
        <pc:grpChg chg="add mod">
          <ac:chgData name="Alan Wai Hou Lio" userId="4e2e7dda-a9a8-4e9f-8daf-fb8d3a66df36" providerId="ADAL" clId="{FD376C26-B4CF-41E1-87D9-A59DDF770948}" dt="2021-06-03T10:08:20.400" v="93" actId="1035"/>
          <ac:grpSpMkLst>
            <pc:docMk/>
            <pc:sldMk cId="3826915553" sldId="262"/>
            <ac:grpSpMk id="6" creationId="{DEB1E6EF-30FB-40FE-AAF3-A8A1BCB53F00}"/>
          </ac:grpSpMkLst>
        </pc:grpChg>
        <pc:picChg chg="mod">
          <ac:chgData name="Alan Wai Hou Lio" userId="4e2e7dda-a9a8-4e9f-8daf-fb8d3a66df36" providerId="ADAL" clId="{FD376C26-B4CF-41E1-87D9-A59DDF770948}" dt="2021-06-03T10:08:20.400" v="93" actId="1035"/>
          <ac:picMkLst>
            <pc:docMk/>
            <pc:sldMk cId="3826915553" sldId="262"/>
            <ac:picMk id="7" creationId="{2A303A58-F2CC-49F7-BFE1-941DE7C23544}"/>
          </ac:picMkLst>
        </pc:picChg>
        <pc:picChg chg="del">
          <ac:chgData name="Alan Wai Hou Lio" userId="4e2e7dda-a9a8-4e9f-8daf-fb8d3a66df36" providerId="ADAL" clId="{FD376C26-B4CF-41E1-87D9-A59DDF770948}" dt="2021-06-03T10:07:29.697" v="76" actId="478"/>
          <ac:picMkLst>
            <pc:docMk/>
            <pc:sldMk cId="3826915553" sldId="262"/>
            <ac:picMk id="34" creationId="{00000000-0000-0000-0000-000000000000}"/>
          </ac:picMkLst>
        </pc:picChg>
      </pc:sldChg>
      <pc:sldChg chg="addSp delSp modSp mod ord modAnim">
        <pc:chgData name="Alan Wai Hou Lio" userId="4e2e7dda-a9a8-4e9f-8daf-fb8d3a66df36" providerId="ADAL" clId="{FD376C26-B4CF-41E1-87D9-A59DDF770948}" dt="2021-06-03T12:28:51.735" v="1655"/>
        <pc:sldMkLst>
          <pc:docMk/>
          <pc:sldMk cId="1103038777" sldId="263"/>
        </pc:sldMkLst>
        <pc:spChg chg="add del mod">
          <ac:chgData name="Alan Wai Hou Lio" userId="4e2e7dda-a9a8-4e9f-8daf-fb8d3a66df36" providerId="ADAL" clId="{FD376C26-B4CF-41E1-87D9-A59DDF770948}" dt="2021-06-03T10:17:34.598" v="259"/>
          <ac:spMkLst>
            <pc:docMk/>
            <pc:sldMk cId="1103038777" sldId="263"/>
            <ac:spMk id="2" creationId="{425259A9-8A59-4C9E-BD00-96D7B7B1A16B}"/>
          </ac:spMkLst>
        </pc:spChg>
        <pc:spChg chg="add mod">
          <ac:chgData name="Alan Wai Hou Lio" userId="4e2e7dda-a9a8-4e9f-8daf-fb8d3a66df36" providerId="ADAL" clId="{FD376C26-B4CF-41E1-87D9-A59DDF770948}" dt="2021-06-03T10:17:51.441" v="265" actId="1076"/>
          <ac:spMkLst>
            <pc:docMk/>
            <pc:sldMk cId="1103038777" sldId="263"/>
            <ac:spMk id="13" creationId="{089D182C-B2B1-46A0-A9A7-A98EC4B8FBCB}"/>
          </ac:spMkLst>
        </pc:spChg>
        <pc:spChg chg="add mod">
          <ac:chgData name="Alan Wai Hou Lio" userId="4e2e7dda-a9a8-4e9f-8daf-fb8d3a66df36" providerId="ADAL" clId="{FD376C26-B4CF-41E1-87D9-A59DDF770948}" dt="2021-06-03T10:28:18.386" v="444" actId="14100"/>
          <ac:spMkLst>
            <pc:docMk/>
            <pc:sldMk cId="1103038777" sldId="263"/>
            <ac:spMk id="15" creationId="{132C75A1-960F-4340-846E-C2CCF9F786A2}"/>
          </ac:spMkLst>
        </pc:spChg>
        <pc:spChg chg="mod">
          <ac:chgData name="Alan Wai Hou Lio" userId="4e2e7dda-a9a8-4e9f-8daf-fb8d3a66df36" providerId="ADAL" clId="{FD376C26-B4CF-41E1-87D9-A59DDF770948}" dt="2021-06-03T10:26:25.694" v="418" actId="20577"/>
          <ac:spMkLst>
            <pc:docMk/>
            <pc:sldMk cId="1103038777" sldId="263"/>
            <ac:spMk id="30" creationId="{00000000-0000-0000-0000-000000000000}"/>
          </ac:spMkLst>
        </pc:spChg>
        <pc:grpChg chg="del">
          <ac:chgData name="Alan Wai Hou Lio" userId="4e2e7dda-a9a8-4e9f-8daf-fb8d3a66df36" providerId="ADAL" clId="{FD376C26-B4CF-41E1-87D9-A59DDF770948}" dt="2021-06-03T10:28:01.226" v="437" actId="478"/>
          <ac:grpSpMkLst>
            <pc:docMk/>
            <pc:sldMk cId="1103038777" sldId="263"/>
            <ac:grpSpMk id="33" creationId="{00000000-0000-0000-0000-000000000000}"/>
          </ac:grpSpMkLst>
        </pc:grpChg>
        <pc:picChg chg="add mod">
          <ac:chgData name="Alan Wai Hou Lio" userId="4e2e7dda-a9a8-4e9f-8daf-fb8d3a66df36" providerId="ADAL" clId="{FD376C26-B4CF-41E1-87D9-A59DDF770948}" dt="2021-06-03T10:28:07.140" v="440" actId="14100"/>
          <ac:picMkLst>
            <pc:docMk/>
            <pc:sldMk cId="1103038777" sldId="263"/>
            <ac:picMk id="14" creationId="{DAF932BE-5C68-4E07-8411-06EEB30D3D28}"/>
          </ac:picMkLst>
        </pc:picChg>
      </pc:sldChg>
      <pc:sldChg chg="addSp delSp modSp mod ord delAnim modAnim">
        <pc:chgData name="Alan Wai Hou Lio" userId="4e2e7dda-a9a8-4e9f-8daf-fb8d3a66df36" providerId="ADAL" clId="{FD376C26-B4CF-41E1-87D9-A59DDF770948}" dt="2021-06-03T13:44:34.403" v="3088"/>
        <pc:sldMkLst>
          <pc:docMk/>
          <pc:sldMk cId="1067254325" sldId="264"/>
        </pc:sldMkLst>
        <pc:spChg chg="add mod">
          <ac:chgData name="Alan Wai Hou Lio" userId="4e2e7dda-a9a8-4e9f-8daf-fb8d3a66df36" providerId="ADAL" clId="{FD376C26-B4CF-41E1-87D9-A59DDF770948}" dt="2021-06-03T13:44:07.536" v="3084"/>
          <ac:spMkLst>
            <pc:docMk/>
            <pc:sldMk cId="1067254325" sldId="264"/>
            <ac:spMk id="20" creationId="{355F3DCB-FE1A-4406-851C-5A81D3C955B7}"/>
          </ac:spMkLst>
        </pc:spChg>
        <pc:spChg chg="mod">
          <ac:chgData name="Alan Wai Hou Lio" userId="4e2e7dda-a9a8-4e9f-8daf-fb8d3a66df36" providerId="ADAL" clId="{FD376C26-B4CF-41E1-87D9-A59DDF770948}" dt="2021-06-03T13:43:42.887" v="3076" actId="6549"/>
          <ac:spMkLst>
            <pc:docMk/>
            <pc:sldMk cId="1067254325" sldId="264"/>
            <ac:spMk id="36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3:43:53.589" v="3082" actId="20577"/>
          <ac:spMkLst>
            <pc:docMk/>
            <pc:sldMk cId="1067254325" sldId="264"/>
            <ac:spMk id="37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8.334" v="3080" actId="478"/>
          <ac:spMkLst>
            <pc:docMk/>
            <pc:sldMk cId="1067254325" sldId="264"/>
            <ac:spMk id="39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8.334" v="3080" actId="478"/>
          <ac:spMkLst>
            <pc:docMk/>
            <pc:sldMk cId="1067254325" sldId="264"/>
            <ac:spMk id="40" creationId="{00000000-0000-0000-0000-000000000000}"/>
          </ac:spMkLst>
        </pc:spChg>
        <pc:spChg chg="del mod">
          <ac:chgData name="Alan Wai Hou Lio" userId="4e2e7dda-a9a8-4e9f-8daf-fb8d3a66df36" providerId="ADAL" clId="{FD376C26-B4CF-41E1-87D9-A59DDF770948}" dt="2021-06-03T13:43:45.472" v="3078" actId="478"/>
          <ac:spMkLst>
            <pc:docMk/>
            <pc:sldMk cId="1067254325" sldId="264"/>
            <ac:spMk id="43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8.334" v="3080" actId="478"/>
          <ac:spMkLst>
            <pc:docMk/>
            <pc:sldMk cId="1067254325" sldId="264"/>
            <ac:spMk id="44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3:43:49.231" v="3081" actId="478"/>
          <ac:spMkLst>
            <pc:docMk/>
            <pc:sldMk cId="1067254325" sldId="264"/>
            <ac:spMk id="48" creationId="{00000000-0000-0000-0000-000000000000}"/>
          </ac:spMkLst>
        </pc:spChg>
        <pc:grpChg chg="del">
          <ac:chgData name="Alan Wai Hou Lio" userId="4e2e7dda-a9a8-4e9f-8daf-fb8d3a66df36" providerId="ADAL" clId="{FD376C26-B4CF-41E1-87D9-A59DDF770948}" dt="2021-06-03T13:44:06.918" v="3083" actId="478"/>
          <ac:grpSpMkLst>
            <pc:docMk/>
            <pc:sldMk cId="1067254325" sldId="264"/>
            <ac:grpSpMk id="45" creationId="{00000000-0000-0000-0000-000000000000}"/>
          </ac:grpSpMkLst>
        </pc:grpChg>
        <pc:grpChg chg="del">
          <ac:chgData name="Alan Wai Hou Lio" userId="4e2e7dda-a9a8-4e9f-8daf-fb8d3a66df36" providerId="ADAL" clId="{FD376C26-B4CF-41E1-87D9-A59DDF770948}" dt="2021-06-03T13:43:48.334" v="3080" actId="478"/>
          <ac:grpSpMkLst>
            <pc:docMk/>
            <pc:sldMk cId="1067254325" sldId="264"/>
            <ac:grpSpMk id="49" creationId="{00000000-0000-0000-0000-000000000000}"/>
          </ac:grpSpMkLst>
        </pc:grpChg>
        <pc:picChg chg="add mod">
          <ac:chgData name="Alan Wai Hou Lio" userId="4e2e7dda-a9a8-4e9f-8daf-fb8d3a66df36" providerId="ADAL" clId="{FD376C26-B4CF-41E1-87D9-A59DDF770948}" dt="2021-06-03T13:44:07.536" v="3084"/>
          <ac:picMkLst>
            <pc:docMk/>
            <pc:sldMk cId="1067254325" sldId="264"/>
            <ac:picMk id="19" creationId="{ADD2E505-0670-4670-B3AF-9D5AB0F6615E}"/>
          </ac:picMkLst>
        </pc:picChg>
        <pc:cxnChg chg="del">
          <ac:chgData name="Alan Wai Hou Lio" userId="4e2e7dda-a9a8-4e9f-8daf-fb8d3a66df36" providerId="ADAL" clId="{FD376C26-B4CF-41E1-87D9-A59DDF770948}" dt="2021-06-03T13:43:46.653" v="3079" actId="478"/>
          <ac:cxnSpMkLst>
            <pc:docMk/>
            <pc:sldMk cId="1067254325" sldId="264"/>
            <ac:cxnSpMk id="41" creationId="{00000000-0000-0000-0000-000000000000}"/>
          </ac:cxnSpMkLst>
        </pc:cxnChg>
        <pc:cxnChg chg="del">
          <ac:chgData name="Alan Wai Hou Lio" userId="4e2e7dda-a9a8-4e9f-8daf-fb8d3a66df36" providerId="ADAL" clId="{FD376C26-B4CF-41E1-87D9-A59DDF770948}" dt="2021-06-03T13:43:48.334" v="3080" actId="478"/>
          <ac:cxnSpMkLst>
            <pc:docMk/>
            <pc:sldMk cId="1067254325" sldId="264"/>
            <ac:cxnSpMk id="42" creationId="{00000000-0000-0000-0000-000000000000}"/>
          </ac:cxnSpMkLst>
        </pc:cxnChg>
      </pc:sldChg>
      <pc:sldChg chg="addSp delSp modSp mod">
        <pc:chgData name="Alan Wai Hou Lio" userId="4e2e7dda-a9a8-4e9f-8daf-fb8d3a66df36" providerId="ADAL" clId="{FD376C26-B4CF-41E1-87D9-A59DDF770948}" dt="2021-06-03T14:51:07.418" v="3623" actId="20577"/>
        <pc:sldMkLst>
          <pc:docMk/>
          <pc:sldMk cId="1859971929" sldId="265"/>
        </pc:sldMkLst>
        <pc:spChg chg="add del mod">
          <ac:chgData name="Alan Wai Hou Lio" userId="4e2e7dda-a9a8-4e9f-8daf-fb8d3a66df36" providerId="ADAL" clId="{FD376C26-B4CF-41E1-87D9-A59DDF770948}" dt="2021-06-03T14:03:03.314" v="3097"/>
          <ac:spMkLst>
            <pc:docMk/>
            <pc:sldMk cId="1859971929" sldId="265"/>
            <ac:spMk id="2" creationId="{4C01A706-2EDB-4BC0-BCCF-C13E7C110DDE}"/>
          </ac:spMkLst>
        </pc:spChg>
        <pc:spChg chg="add del mod">
          <ac:chgData name="Alan Wai Hou Lio" userId="4e2e7dda-a9a8-4e9f-8daf-fb8d3a66df36" providerId="ADAL" clId="{FD376C26-B4CF-41E1-87D9-A59DDF770948}" dt="2021-06-03T14:03:05.355" v="3099"/>
          <ac:spMkLst>
            <pc:docMk/>
            <pc:sldMk cId="1859971929" sldId="265"/>
            <ac:spMk id="3" creationId="{B8ACEFE4-8F37-4348-B6E8-2895C7EDF73F}"/>
          </ac:spMkLst>
        </pc:spChg>
        <pc:spChg chg="add del mod">
          <ac:chgData name="Alan Wai Hou Lio" userId="4e2e7dda-a9a8-4e9f-8daf-fb8d3a66df36" providerId="ADAL" clId="{FD376C26-B4CF-41E1-87D9-A59DDF770948}" dt="2021-06-03T14:19:57.705" v="3128" actId="478"/>
          <ac:spMkLst>
            <pc:docMk/>
            <pc:sldMk cId="1859971929" sldId="265"/>
            <ac:spMk id="4" creationId="{8B66E219-314F-4F73-9146-B3E4E349677C}"/>
          </ac:spMkLst>
        </pc:spChg>
        <pc:spChg chg="add mod">
          <ac:chgData name="Alan Wai Hou Lio" userId="4e2e7dda-a9a8-4e9f-8daf-fb8d3a66df36" providerId="ADAL" clId="{FD376C26-B4CF-41E1-87D9-A59DDF770948}" dt="2021-06-03T14:19:41.109" v="3123" actId="1076"/>
          <ac:spMkLst>
            <pc:docMk/>
            <pc:sldMk cId="1859971929" sldId="265"/>
            <ac:spMk id="6" creationId="{682F4B0F-FC0E-4838-AC6B-A1FF0D7434E7}"/>
          </ac:spMkLst>
        </pc:spChg>
        <pc:spChg chg="add mod">
          <ac:chgData name="Alan Wai Hou Lio" userId="4e2e7dda-a9a8-4e9f-8daf-fb8d3a66df36" providerId="ADAL" clId="{FD376C26-B4CF-41E1-87D9-A59DDF770948}" dt="2021-06-03T14:22:21.623" v="3194" actId="14100"/>
          <ac:spMkLst>
            <pc:docMk/>
            <pc:sldMk cId="1859971929" sldId="265"/>
            <ac:spMk id="8" creationId="{0315163F-4BD9-4D04-ADF7-CFB6561B00E5}"/>
          </ac:spMkLst>
        </pc:spChg>
        <pc:spChg chg="add mod">
          <ac:chgData name="Alan Wai Hou Lio" userId="4e2e7dda-a9a8-4e9f-8daf-fb8d3a66df36" providerId="ADAL" clId="{FD376C26-B4CF-41E1-87D9-A59DDF770948}" dt="2021-06-03T14:22:27.247" v="3196" actId="1076"/>
          <ac:spMkLst>
            <pc:docMk/>
            <pc:sldMk cId="1859971929" sldId="265"/>
            <ac:spMk id="11" creationId="{FC033322-8DCD-4CBB-A25B-EC21C04BA748}"/>
          </ac:spMkLst>
        </pc:spChg>
        <pc:spChg chg="add mod">
          <ac:chgData name="Alan Wai Hou Lio" userId="4e2e7dda-a9a8-4e9f-8daf-fb8d3a66df36" providerId="ADAL" clId="{FD376C26-B4CF-41E1-87D9-A59DDF770948}" dt="2021-06-03T14:22:40.247" v="3200" actId="1076"/>
          <ac:spMkLst>
            <pc:docMk/>
            <pc:sldMk cId="1859971929" sldId="265"/>
            <ac:spMk id="12" creationId="{5C71DC3E-E73D-40BB-9F56-E781FD17DEA3}"/>
          </ac:spMkLst>
        </pc:spChg>
        <pc:spChg chg="mod">
          <ac:chgData name="Alan Wai Hou Lio" userId="4e2e7dda-a9a8-4e9f-8daf-fb8d3a66df36" providerId="ADAL" clId="{FD376C26-B4CF-41E1-87D9-A59DDF770948}" dt="2021-06-03T14:51:07.418" v="3623" actId="20577"/>
          <ac:spMkLst>
            <pc:docMk/>
            <pc:sldMk cId="1859971929" sldId="265"/>
            <ac:spMk id="16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4:44:23.319" v="3307" actId="20577"/>
          <ac:spMkLst>
            <pc:docMk/>
            <pc:sldMk cId="1859971929" sldId="265"/>
            <ac:spMk id="17" creationId="{00000000-0000-0000-0000-000000000000}"/>
          </ac:spMkLst>
        </pc:spChg>
        <pc:picChg chg="add mod">
          <ac:chgData name="Alan Wai Hou Lio" userId="4e2e7dda-a9a8-4e9f-8daf-fb8d3a66df36" providerId="ADAL" clId="{FD376C26-B4CF-41E1-87D9-A59DDF770948}" dt="2021-06-03T14:22:17.697" v="3193" actId="1076"/>
          <ac:picMkLst>
            <pc:docMk/>
            <pc:sldMk cId="1859971929" sldId="265"/>
            <ac:picMk id="7" creationId="{B2AF7D82-51C1-4600-90F5-EA81BF4DFEB0}"/>
          </ac:picMkLst>
        </pc:picChg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718484580" sldId="266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930659116" sldId="267"/>
        </pc:sldMkLst>
      </pc:sldChg>
      <pc:sldChg chg="addSp delSp modSp mod delAnim modAnim">
        <pc:chgData name="Alan Wai Hou Lio" userId="4e2e7dda-a9a8-4e9f-8daf-fb8d3a66df36" providerId="ADAL" clId="{FD376C26-B4CF-41E1-87D9-A59DDF770948}" dt="2021-06-03T14:51:03.847" v="3622" actId="20577"/>
        <pc:sldMkLst>
          <pc:docMk/>
          <pc:sldMk cId="3175162259" sldId="269"/>
        </pc:sldMkLst>
        <pc:spChg chg="mod">
          <ac:chgData name="Alan Wai Hou Lio" userId="4e2e7dda-a9a8-4e9f-8daf-fb8d3a66df36" providerId="ADAL" clId="{FD376C26-B4CF-41E1-87D9-A59DDF770948}" dt="2021-06-03T14:43:13.206" v="3251" actId="20577"/>
          <ac:spMkLst>
            <pc:docMk/>
            <pc:sldMk cId="3175162259" sldId="269"/>
            <ac:spMk id="8" creationId="{00000000-0000-0000-0000-000000000000}"/>
          </ac:spMkLst>
        </pc:spChg>
        <pc:spChg chg="add mod">
          <ac:chgData name="Alan Wai Hou Lio" userId="4e2e7dda-a9a8-4e9f-8daf-fb8d3a66df36" providerId="ADAL" clId="{FD376C26-B4CF-41E1-87D9-A59DDF770948}" dt="2021-06-03T14:44:05.565" v="3299" actId="1076"/>
          <ac:spMkLst>
            <pc:docMk/>
            <pc:sldMk cId="3175162259" sldId="269"/>
            <ac:spMk id="9" creationId="{C26AD52E-AA04-413A-A0C1-247281009CEE}"/>
          </ac:spMkLst>
        </pc:spChg>
        <pc:spChg chg="mod">
          <ac:chgData name="Alan Wai Hou Lio" userId="4e2e7dda-a9a8-4e9f-8daf-fb8d3a66df36" providerId="ADAL" clId="{FD376C26-B4CF-41E1-87D9-A59DDF770948}" dt="2021-06-03T14:51:03.847" v="3622" actId="20577"/>
          <ac:spMkLst>
            <pc:docMk/>
            <pc:sldMk cId="3175162259" sldId="269"/>
            <ac:spMk id="18" creationId="{00000000-0000-0000-0000-000000000000}"/>
          </ac:spMkLst>
        </pc:spChg>
        <pc:spChg chg="del mod">
          <ac:chgData name="Alan Wai Hou Lio" userId="4e2e7dda-a9a8-4e9f-8daf-fb8d3a66df36" providerId="ADAL" clId="{FD376C26-B4CF-41E1-87D9-A59DDF770948}" dt="2021-06-03T14:24:31.833" v="3210" actId="478"/>
          <ac:spMkLst>
            <pc:docMk/>
            <pc:sldMk cId="3175162259" sldId="269"/>
            <ac:spMk id="21" creationId="{00000000-0000-0000-0000-000000000000}"/>
          </ac:spMkLst>
        </pc:spChg>
        <pc:picChg chg="del">
          <ac:chgData name="Alan Wai Hou Lio" userId="4e2e7dda-a9a8-4e9f-8daf-fb8d3a66df36" providerId="ADAL" clId="{FD376C26-B4CF-41E1-87D9-A59DDF770948}" dt="2021-06-03T14:24:23.457" v="3204" actId="478"/>
          <ac:picMkLst>
            <pc:docMk/>
            <pc:sldMk cId="3175162259" sldId="269"/>
            <ac:picMk id="2" creationId="{00000000-0000-0000-0000-000000000000}"/>
          </ac:picMkLst>
        </pc:picChg>
        <pc:picChg chg="add mod">
          <ac:chgData name="Alan Wai Hou Lio" userId="4e2e7dda-a9a8-4e9f-8daf-fb8d3a66df36" providerId="ADAL" clId="{FD376C26-B4CF-41E1-87D9-A59DDF770948}" dt="2021-06-03T14:43:05.294" v="3248" actId="1076"/>
          <ac:picMkLst>
            <pc:docMk/>
            <pc:sldMk cId="3175162259" sldId="269"/>
            <ac:picMk id="3" creationId="{4D82F421-C2AE-4A16-A581-95B3F82B2CD7}"/>
          </ac:picMkLst>
        </pc:picChg>
        <pc:picChg chg="del">
          <ac:chgData name="Alan Wai Hou Lio" userId="4e2e7dda-a9a8-4e9f-8daf-fb8d3a66df36" providerId="ADAL" clId="{FD376C26-B4CF-41E1-87D9-A59DDF770948}" dt="2021-06-03T14:24:22.426" v="3202" actId="478"/>
          <ac:picMkLst>
            <pc:docMk/>
            <pc:sldMk cId="3175162259" sldId="269"/>
            <ac:picMk id="6" creationId="{00000000-0000-0000-0000-000000000000}"/>
          </ac:picMkLst>
        </pc:picChg>
        <pc:picChg chg="del">
          <ac:chgData name="Alan Wai Hou Lio" userId="4e2e7dda-a9a8-4e9f-8daf-fb8d3a66df36" providerId="ADAL" clId="{FD376C26-B4CF-41E1-87D9-A59DDF770948}" dt="2021-06-03T14:24:22.970" v="3203" actId="478"/>
          <ac:picMkLst>
            <pc:docMk/>
            <pc:sldMk cId="3175162259" sldId="269"/>
            <ac:picMk id="7" creationId="{00000000-0000-0000-0000-000000000000}"/>
          </ac:picMkLst>
        </pc:picChg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524191745" sldId="271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094197980" sldId="272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680437870" sldId="273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800289730" sldId="274"/>
        </pc:sldMkLst>
      </pc:sldChg>
      <pc:sldChg chg="modSp mod">
        <pc:chgData name="Alan Wai Hou Lio" userId="4e2e7dda-a9a8-4e9f-8daf-fb8d3a66df36" providerId="ADAL" clId="{FD376C26-B4CF-41E1-87D9-A59DDF770948}" dt="2021-06-03T15:00:18.161" v="3926" actId="20577"/>
        <pc:sldMkLst>
          <pc:docMk/>
          <pc:sldMk cId="3717669386" sldId="275"/>
        </pc:sldMkLst>
        <pc:spChg chg="mod">
          <ac:chgData name="Alan Wai Hou Lio" userId="4e2e7dda-a9a8-4e9f-8daf-fb8d3a66df36" providerId="ADAL" clId="{FD376C26-B4CF-41E1-87D9-A59DDF770948}" dt="2021-06-03T15:00:18.161" v="3926" actId="20577"/>
          <ac:spMkLst>
            <pc:docMk/>
            <pc:sldMk cId="3717669386" sldId="275"/>
            <ac:spMk id="5" creationId="{00000000-0000-0000-0000-000000000000}"/>
          </ac:spMkLst>
        </pc:spChg>
      </pc:sldChg>
      <pc:sldChg chg="delSp del mod delAnim">
        <pc:chgData name="Alan Wai Hou Lio" userId="4e2e7dda-a9a8-4e9f-8daf-fb8d3a66df36" providerId="ADAL" clId="{FD376C26-B4CF-41E1-87D9-A59DDF770948}" dt="2021-06-03T10:05:00.593" v="37" actId="47"/>
        <pc:sldMkLst>
          <pc:docMk/>
          <pc:sldMk cId="3334127610" sldId="276"/>
        </pc:sldMkLst>
        <pc:spChg chg="del">
          <ac:chgData name="Alan Wai Hou Lio" userId="4e2e7dda-a9a8-4e9f-8daf-fb8d3a66df36" providerId="ADAL" clId="{FD376C26-B4CF-41E1-87D9-A59DDF770948}" dt="2021-06-03T10:03:59.124" v="33" actId="478"/>
          <ac:spMkLst>
            <pc:docMk/>
            <pc:sldMk cId="3334127610" sldId="276"/>
            <ac:spMk id="22" creationId="{00000000-0000-0000-0000-000000000000}"/>
          </ac:spMkLst>
        </pc:spChg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3857689135" sldId="277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305086932" sldId="278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3237117062" sldId="279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236396844" sldId="280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320446414" sldId="281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82662005" sldId="282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608797320" sldId="283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719243787" sldId="284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2481574000" sldId="285"/>
        </pc:sldMkLst>
      </pc:sldChg>
      <pc:sldChg chg="del">
        <pc:chgData name="Alan Wai Hou Lio" userId="4e2e7dda-a9a8-4e9f-8daf-fb8d3a66df36" providerId="ADAL" clId="{FD376C26-B4CF-41E1-87D9-A59DDF770948}" dt="2021-06-03T14:53:30.142" v="3721" actId="47"/>
        <pc:sldMkLst>
          <pc:docMk/>
          <pc:sldMk cId="1945050771" sldId="286"/>
        </pc:sldMkLst>
      </pc:sldChg>
      <pc:sldChg chg="modSp add mod">
        <pc:chgData name="Alan Wai Hou Lio" userId="4e2e7dda-a9a8-4e9f-8daf-fb8d3a66df36" providerId="ADAL" clId="{FD376C26-B4CF-41E1-87D9-A59DDF770948}" dt="2021-06-03T10:00:07.595" v="31" actId="20577"/>
        <pc:sldMkLst>
          <pc:docMk/>
          <pc:sldMk cId="886120306" sldId="287"/>
        </pc:sldMkLst>
        <pc:spChg chg="mod">
          <ac:chgData name="Alan Wai Hou Lio" userId="4e2e7dda-a9a8-4e9f-8daf-fb8d3a66df36" providerId="ADAL" clId="{FD376C26-B4CF-41E1-87D9-A59DDF770948}" dt="2021-06-03T10:00:07.595" v="31" actId="20577"/>
          <ac:spMkLst>
            <pc:docMk/>
            <pc:sldMk cId="886120306" sldId="287"/>
            <ac:spMk id="4" creationId="{674358EA-4D5B-461F-997D-DE6729900DE7}"/>
          </ac:spMkLst>
        </pc:spChg>
      </pc:sldChg>
      <pc:sldChg chg="new del">
        <pc:chgData name="Alan Wai Hou Lio" userId="4e2e7dda-a9a8-4e9f-8daf-fb8d3a66df36" providerId="ADAL" clId="{FD376C26-B4CF-41E1-87D9-A59DDF770948}" dt="2021-06-03T10:08:45.431" v="97" actId="47"/>
        <pc:sldMkLst>
          <pc:docMk/>
          <pc:sldMk cId="3106400802" sldId="288"/>
        </pc:sldMkLst>
      </pc:sldChg>
      <pc:sldChg chg="new del">
        <pc:chgData name="Alan Wai Hou Lio" userId="4e2e7dda-a9a8-4e9f-8daf-fb8d3a66df36" providerId="ADAL" clId="{FD376C26-B4CF-41E1-87D9-A59DDF770948}" dt="2021-06-03T10:11:10.765" v="150" actId="47"/>
        <pc:sldMkLst>
          <pc:docMk/>
          <pc:sldMk cId="3177743525" sldId="288"/>
        </pc:sldMkLst>
      </pc:sldChg>
      <pc:sldChg chg="add">
        <pc:chgData name="Alan Wai Hou Lio" userId="4e2e7dda-a9a8-4e9f-8daf-fb8d3a66df36" providerId="ADAL" clId="{FD376C26-B4CF-41E1-87D9-A59DDF770948}" dt="2021-06-03T10:11:09.012" v="149"/>
        <pc:sldMkLst>
          <pc:docMk/>
          <pc:sldMk cId="1560481198" sldId="289"/>
        </pc:sldMkLst>
      </pc:sldChg>
      <pc:sldChg chg="addSp delSp modSp add del mod modAnim">
        <pc:chgData name="Alan Wai Hou Lio" userId="4e2e7dda-a9a8-4e9f-8daf-fb8d3a66df36" providerId="ADAL" clId="{FD376C26-B4CF-41E1-87D9-A59DDF770948}" dt="2021-06-03T10:10:25.063" v="147" actId="47"/>
        <pc:sldMkLst>
          <pc:docMk/>
          <pc:sldMk cId="1992947143" sldId="289"/>
        </pc:sldMkLst>
        <pc:spChg chg="add del mod">
          <ac:chgData name="Alan Wai Hou Lio" userId="4e2e7dda-a9a8-4e9f-8daf-fb8d3a66df36" providerId="ADAL" clId="{FD376C26-B4CF-41E1-87D9-A59DDF770948}" dt="2021-06-03T10:09:25.112" v="115" actId="478"/>
          <ac:spMkLst>
            <pc:docMk/>
            <pc:sldMk cId="1992947143" sldId="289"/>
            <ac:spMk id="5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09:03.282" v="105" actId="1076"/>
          <ac:spMkLst>
            <pc:docMk/>
            <pc:sldMk cId="1992947143" sldId="289"/>
            <ac:spMk id="9" creationId="{3B200241-3038-4789-895A-A542CC30D394}"/>
          </ac:spMkLst>
        </pc:spChg>
        <pc:spChg chg="mod">
          <ac:chgData name="Alan Wai Hou Lio" userId="4e2e7dda-a9a8-4e9f-8daf-fb8d3a66df36" providerId="ADAL" clId="{FD376C26-B4CF-41E1-87D9-A59DDF770948}" dt="2021-06-03T10:09:03.282" v="105" actId="1076"/>
          <ac:spMkLst>
            <pc:docMk/>
            <pc:sldMk cId="1992947143" sldId="289"/>
            <ac:spMk id="10" creationId="{9D6335B2-A390-4870-A0BD-40C5F5012439}"/>
          </ac:spMkLst>
        </pc:spChg>
        <pc:spChg chg="mod">
          <ac:chgData name="Alan Wai Hou Lio" userId="4e2e7dda-a9a8-4e9f-8daf-fb8d3a66df36" providerId="ADAL" clId="{FD376C26-B4CF-41E1-87D9-A59DDF770948}" dt="2021-06-03T10:09:03.282" v="105" actId="1076"/>
          <ac:spMkLst>
            <pc:docMk/>
            <pc:sldMk cId="1992947143" sldId="289"/>
            <ac:spMk id="11" creationId="{6E37FD78-070D-4618-8E5A-9AFB9D30D82B}"/>
          </ac:spMkLst>
        </pc:spChg>
        <pc:spChg chg="add del mod">
          <ac:chgData name="Alan Wai Hou Lio" userId="4e2e7dda-a9a8-4e9f-8daf-fb8d3a66df36" providerId="ADAL" clId="{FD376C26-B4CF-41E1-87D9-A59DDF770948}" dt="2021-06-03T10:09:23.107" v="114"/>
          <ac:spMkLst>
            <pc:docMk/>
            <pc:sldMk cId="1992947143" sldId="289"/>
            <ac:spMk id="12" creationId="{871E3277-1B6F-4A9C-9C18-FEA71494FC17}"/>
          </ac:spMkLst>
        </pc:spChg>
        <pc:spChg chg="add mod">
          <ac:chgData name="Alan Wai Hou Lio" userId="4e2e7dda-a9a8-4e9f-8daf-fb8d3a66df36" providerId="ADAL" clId="{FD376C26-B4CF-41E1-87D9-A59DDF770948}" dt="2021-06-03T10:09:33.345" v="123" actId="1076"/>
          <ac:spMkLst>
            <pc:docMk/>
            <pc:sldMk cId="1992947143" sldId="289"/>
            <ac:spMk id="13" creationId="{56511AAA-D2CE-4537-A84E-F103BE792FF7}"/>
          </ac:spMkLst>
        </pc:spChg>
        <pc:grpChg chg="add mod">
          <ac:chgData name="Alan Wai Hou Lio" userId="4e2e7dda-a9a8-4e9f-8daf-fb8d3a66df36" providerId="ADAL" clId="{FD376C26-B4CF-41E1-87D9-A59DDF770948}" dt="2021-06-03T10:09:03.282" v="105" actId="1076"/>
          <ac:grpSpMkLst>
            <pc:docMk/>
            <pc:sldMk cId="1992947143" sldId="289"/>
            <ac:grpSpMk id="7" creationId="{9C9E4DA3-6026-4FAE-8660-55C143D928BE}"/>
          </ac:grpSpMkLst>
        </pc:grpChg>
        <pc:picChg chg="mod">
          <ac:chgData name="Alan Wai Hou Lio" userId="4e2e7dda-a9a8-4e9f-8daf-fb8d3a66df36" providerId="ADAL" clId="{FD376C26-B4CF-41E1-87D9-A59DDF770948}" dt="2021-06-03T10:09:03.282" v="105" actId="1076"/>
          <ac:picMkLst>
            <pc:docMk/>
            <pc:sldMk cId="1992947143" sldId="289"/>
            <ac:picMk id="8" creationId="{C53BDACC-6E12-455C-A29E-943654848B8F}"/>
          </ac:picMkLst>
        </pc:picChg>
      </pc:sldChg>
      <pc:sldChg chg="add del">
        <pc:chgData name="Alan Wai Hou Lio" userId="4e2e7dda-a9a8-4e9f-8daf-fb8d3a66df36" providerId="ADAL" clId="{FD376C26-B4CF-41E1-87D9-A59DDF770948}" dt="2021-06-03T10:08:51.216" v="102"/>
        <pc:sldMkLst>
          <pc:docMk/>
          <pc:sldMk cId="259366268" sldId="290"/>
        </pc:sldMkLst>
      </pc:sldChg>
      <pc:sldChg chg="addSp modSp add mod">
        <pc:chgData name="Alan Wai Hou Lio" userId="4e2e7dda-a9a8-4e9f-8daf-fb8d3a66df36" providerId="ADAL" clId="{FD376C26-B4CF-41E1-87D9-A59DDF770948}" dt="2021-06-03T10:41:09.892" v="1020" actId="20577"/>
        <pc:sldMkLst>
          <pc:docMk/>
          <pc:sldMk cId="3014980694" sldId="290"/>
        </pc:sldMkLst>
        <pc:spChg chg="add mod">
          <ac:chgData name="Alan Wai Hou Lio" userId="4e2e7dda-a9a8-4e9f-8daf-fb8d3a66df36" providerId="ADAL" clId="{FD376C26-B4CF-41E1-87D9-A59DDF770948}" dt="2021-06-03T10:41:09.892" v="1020" actId="20577"/>
          <ac:spMkLst>
            <pc:docMk/>
            <pc:sldMk cId="3014980694" sldId="290"/>
            <ac:spMk id="14" creationId="{9762B993-C82F-41B3-B199-BB5123820467}"/>
          </ac:spMkLst>
        </pc:spChg>
      </pc:sldChg>
      <pc:sldChg chg="addSp delSp modSp add mod delAnim modAnim">
        <pc:chgData name="Alan Wai Hou Lio" userId="4e2e7dda-a9a8-4e9f-8daf-fb8d3a66df36" providerId="ADAL" clId="{FD376C26-B4CF-41E1-87D9-A59DDF770948}" dt="2021-06-03T13:28:35.509" v="2895" actId="20577"/>
        <pc:sldMkLst>
          <pc:docMk/>
          <pc:sldMk cId="705623479" sldId="291"/>
        </pc:sldMkLst>
        <pc:spChg chg="mod">
          <ac:chgData name="Alan Wai Hou Lio" userId="4e2e7dda-a9a8-4e9f-8daf-fb8d3a66df36" providerId="ADAL" clId="{FD376C26-B4CF-41E1-87D9-A59DDF770948}" dt="2021-06-03T12:43:48.679" v="2127" actId="20577"/>
          <ac:spMkLst>
            <pc:docMk/>
            <pc:sldMk cId="705623479" sldId="291"/>
            <ac:spMk id="2" creationId="{E1644768-FFBC-44AF-B3CA-03C9DC67261F}"/>
          </ac:spMkLst>
        </pc:spChg>
        <pc:spChg chg="mod">
          <ac:chgData name="Alan Wai Hou Lio" userId="4e2e7dda-a9a8-4e9f-8daf-fb8d3a66df36" providerId="ADAL" clId="{FD376C26-B4CF-41E1-87D9-A59DDF770948}" dt="2021-06-03T13:28:35.509" v="2895" actId="20577"/>
          <ac:spMkLst>
            <pc:docMk/>
            <pc:sldMk cId="705623479" sldId="291"/>
            <ac:spMk id="3" creationId="{1F3DD503-9D4E-4003-9335-73B49C10C23A}"/>
          </ac:spMkLst>
        </pc:spChg>
        <pc:spChg chg="add mod">
          <ac:chgData name="Alan Wai Hou Lio" userId="4e2e7dda-a9a8-4e9f-8daf-fb8d3a66df36" providerId="ADAL" clId="{FD376C26-B4CF-41E1-87D9-A59DDF770948}" dt="2021-06-03T10:20:46.706" v="362" actId="1076"/>
          <ac:spMkLst>
            <pc:docMk/>
            <pc:sldMk cId="705623479" sldId="291"/>
            <ac:spMk id="5" creationId="{BE230212-335A-4B58-A63A-D19A41F759AE}"/>
          </ac:spMkLst>
        </pc:spChg>
        <pc:spChg chg="add del">
          <ac:chgData name="Alan Wai Hou Lio" userId="4e2e7dda-a9a8-4e9f-8daf-fb8d3a66df36" providerId="ADAL" clId="{FD376C26-B4CF-41E1-87D9-A59DDF770948}" dt="2021-06-03T10:21:18.144" v="366" actId="478"/>
          <ac:spMkLst>
            <pc:docMk/>
            <pc:sldMk cId="705623479" sldId="291"/>
            <ac:spMk id="9" creationId="{746286E6-5829-48B6-9C1E-EE9430545AEA}"/>
          </ac:spMkLst>
        </pc:spChg>
        <pc:spChg chg="del">
          <ac:chgData name="Alan Wai Hou Lio" userId="4e2e7dda-a9a8-4e9f-8daf-fb8d3a66df36" providerId="ADAL" clId="{FD376C26-B4CF-41E1-87D9-A59DDF770948}" dt="2021-06-03T10:15:32.621" v="190" actId="21"/>
          <ac:spMkLst>
            <pc:docMk/>
            <pc:sldMk cId="705623479" sldId="291"/>
            <ac:spMk id="11" creationId="{33F7F871-2C3B-426D-A26F-79FABF1E676F}"/>
          </ac:spMkLst>
        </pc:spChg>
        <pc:spChg chg="mod">
          <ac:chgData name="Alan Wai Hou Lio" userId="4e2e7dda-a9a8-4e9f-8daf-fb8d3a66df36" providerId="ADAL" clId="{FD376C26-B4CF-41E1-87D9-A59DDF770948}" dt="2021-06-03T13:27:28.264" v="2886" actId="1076"/>
          <ac:spMkLst>
            <pc:docMk/>
            <pc:sldMk cId="705623479" sldId="291"/>
            <ac:spMk id="12" creationId="{F51F85A4-7AE3-45A0-BB3A-CB7AFDF2B247}"/>
          </ac:spMkLst>
        </pc:spChg>
        <pc:spChg chg="del mod">
          <ac:chgData name="Alan Wai Hou Lio" userId="4e2e7dda-a9a8-4e9f-8daf-fb8d3a66df36" providerId="ADAL" clId="{FD376C26-B4CF-41E1-87D9-A59DDF770948}" dt="2021-06-03T10:21:47.284" v="369" actId="478"/>
          <ac:spMkLst>
            <pc:docMk/>
            <pc:sldMk cId="705623479" sldId="291"/>
            <ac:spMk id="13" creationId="{27D6B65C-0D40-46DF-8A20-BAC35D0A319A}"/>
          </ac:spMkLst>
        </pc:spChg>
        <pc:spChg chg="del">
          <ac:chgData name="Alan Wai Hou Lio" userId="4e2e7dda-a9a8-4e9f-8daf-fb8d3a66df36" providerId="ADAL" clId="{FD376C26-B4CF-41E1-87D9-A59DDF770948}" dt="2021-06-03T10:15:32.621" v="190" actId="21"/>
          <ac:spMkLst>
            <pc:docMk/>
            <pc:sldMk cId="705623479" sldId="291"/>
            <ac:spMk id="14" creationId="{BB60668B-9B7B-4178-9F1A-79CD699AC438}"/>
          </ac:spMkLst>
        </pc:spChg>
        <pc:spChg chg="add mod">
          <ac:chgData name="Alan Wai Hou Lio" userId="4e2e7dda-a9a8-4e9f-8daf-fb8d3a66df36" providerId="ADAL" clId="{FD376C26-B4CF-41E1-87D9-A59DDF770948}" dt="2021-06-03T10:21:49.544" v="370" actId="1076"/>
          <ac:spMkLst>
            <pc:docMk/>
            <pc:sldMk cId="705623479" sldId="291"/>
            <ac:spMk id="16" creationId="{3B7B38F4-859D-40AB-83B9-BEA3B168B4D1}"/>
          </ac:spMkLst>
        </pc:spChg>
        <pc:picChg chg="del">
          <ac:chgData name="Alan Wai Hou Lio" userId="4e2e7dda-a9a8-4e9f-8daf-fb8d3a66df36" providerId="ADAL" clId="{FD376C26-B4CF-41E1-87D9-A59DDF770948}" dt="2021-06-03T10:15:32.621" v="190" actId="21"/>
          <ac:picMkLst>
            <pc:docMk/>
            <pc:sldMk cId="705623479" sldId="291"/>
            <ac:picMk id="8" creationId="{A64CBEF4-4659-4992-9056-5B3FABE89780}"/>
          </ac:picMkLst>
        </pc:picChg>
        <pc:cxnChg chg="add del mod">
          <ac:chgData name="Alan Wai Hou Lio" userId="4e2e7dda-a9a8-4e9f-8daf-fb8d3a66df36" providerId="ADAL" clId="{FD376C26-B4CF-41E1-87D9-A59DDF770948}" dt="2021-06-03T10:21:03.307" v="364" actId="11529"/>
          <ac:cxnSpMkLst>
            <pc:docMk/>
            <pc:sldMk cId="705623479" sldId="291"/>
            <ac:cxnSpMk id="7" creationId="{98B3B90F-305E-440C-AE2C-76964847AE29}"/>
          </ac:cxnSpMkLst>
        </pc:cxnChg>
        <pc:cxnChg chg="add">
          <ac:chgData name="Alan Wai Hou Lio" userId="4e2e7dda-a9a8-4e9f-8daf-fb8d3a66df36" providerId="ADAL" clId="{FD376C26-B4CF-41E1-87D9-A59DDF770948}" dt="2021-06-03T10:21:23.885" v="367" actId="11529"/>
          <ac:cxnSpMkLst>
            <pc:docMk/>
            <pc:sldMk cId="705623479" sldId="291"/>
            <ac:cxnSpMk id="15" creationId="{A64353CD-21BA-4E59-958D-5D810AC192C6}"/>
          </ac:cxnSpMkLst>
        </pc:cxnChg>
      </pc:sldChg>
      <pc:sldChg chg="modSp add mod">
        <pc:chgData name="Alan Wai Hou Lio" userId="4e2e7dda-a9a8-4e9f-8daf-fb8d3a66df36" providerId="ADAL" clId="{FD376C26-B4CF-41E1-87D9-A59DDF770948}" dt="2021-06-03T14:51:15.704" v="3625" actId="20577"/>
        <pc:sldMkLst>
          <pc:docMk/>
          <pc:sldMk cId="3288464396" sldId="292"/>
        </pc:sldMkLst>
        <pc:spChg chg="mod">
          <ac:chgData name="Alan Wai Hou Lio" userId="4e2e7dda-a9a8-4e9f-8daf-fb8d3a66df36" providerId="ADAL" clId="{FD376C26-B4CF-41E1-87D9-A59DDF770948}" dt="2021-06-03T14:51:15.704" v="3625" actId="20577"/>
          <ac:spMkLst>
            <pc:docMk/>
            <pc:sldMk cId="3288464396" sldId="292"/>
            <ac:spMk id="2" creationId="{74C822D3-03DB-479A-9ADE-BE6D9914004C}"/>
          </ac:spMkLst>
        </pc:spChg>
        <pc:spChg chg="mod">
          <ac:chgData name="Alan Wai Hou Lio" userId="4e2e7dda-a9a8-4e9f-8daf-fb8d3a66df36" providerId="ADAL" clId="{FD376C26-B4CF-41E1-87D9-A59DDF770948}" dt="2021-06-03T13:35:07.583" v="2953"/>
          <ac:spMkLst>
            <pc:docMk/>
            <pc:sldMk cId="3288464396" sldId="292"/>
            <ac:spMk id="3" creationId="{226F4043-7B4B-42BF-88C8-8C1651BD81A1}"/>
          </ac:spMkLst>
        </pc:spChg>
        <pc:spChg chg="mod">
          <ac:chgData name="Alan Wai Hou Lio" userId="4e2e7dda-a9a8-4e9f-8daf-fb8d3a66df36" providerId="ADAL" clId="{FD376C26-B4CF-41E1-87D9-A59DDF770948}" dt="2021-06-03T13:35:10.315" v="2954"/>
          <ac:spMkLst>
            <pc:docMk/>
            <pc:sldMk cId="3288464396" sldId="292"/>
            <ac:spMk id="5" creationId="{32D7704F-DAA0-4287-92B3-15A7282EA388}"/>
          </ac:spMkLst>
        </pc:spChg>
      </pc:sldChg>
      <pc:sldChg chg="addSp modSp new mod ord modAnim">
        <pc:chgData name="Alan Wai Hou Lio" userId="4e2e7dda-a9a8-4e9f-8daf-fb8d3a66df36" providerId="ADAL" clId="{FD376C26-B4CF-41E1-87D9-A59DDF770948}" dt="2021-06-03T13:42:43.352" v="3063" actId="1076"/>
        <pc:sldMkLst>
          <pc:docMk/>
          <pc:sldMk cId="2166225631" sldId="293"/>
        </pc:sldMkLst>
        <pc:spChg chg="mod">
          <ac:chgData name="Alan Wai Hou Lio" userId="4e2e7dda-a9a8-4e9f-8daf-fb8d3a66df36" providerId="ADAL" clId="{FD376C26-B4CF-41E1-87D9-A59DDF770948}" dt="2021-06-03T13:33:09.301" v="2921"/>
          <ac:spMkLst>
            <pc:docMk/>
            <pc:sldMk cId="2166225631" sldId="293"/>
            <ac:spMk id="2" creationId="{8E487B52-F289-4C5D-BBB7-9B8D57140EDD}"/>
          </ac:spMkLst>
        </pc:spChg>
        <pc:spChg chg="mod">
          <ac:chgData name="Alan Wai Hou Lio" userId="4e2e7dda-a9a8-4e9f-8daf-fb8d3a66df36" providerId="ADAL" clId="{FD376C26-B4CF-41E1-87D9-A59DDF770948}" dt="2021-06-03T10:16:22.287" v="252" actId="1076"/>
          <ac:spMkLst>
            <pc:docMk/>
            <pc:sldMk cId="2166225631" sldId="293"/>
            <ac:spMk id="3" creationId="{CD3B8967-C707-48EC-BE94-78A527C7EFC1}"/>
          </ac:spMkLst>
        </pc:spChg>
        <pc:spChg chg="add mod">
          <ac:chgData name="Alan Wai Hou Lio" userId="4e2e7dda-a9a8-4e9f-8daf-fb8d3a66df36" providerId="ADAL" clId="{FD376C26-B4CF-41E1-87D9-A59DDF770948}" dt="2021-06-03T10:16:26.344" v="254" actId="1076"/>
          <ac:spMkLst>
            <pc:docMk/>
            <pc:sldMk cId="2166225631" sldId="293"/>
            <ac:spMk id="6" creationId="{5EFB0DE3-CA88-416D-BF6C-73020D2F7583}"/>
          </ac:spMkLst>
        </pc:spChg>
        <pc:spChg chg="add mod">
          <ac:chgData name="Alan Wai Hou Lio" userId="4e2e7dda-a9a8-4e9f-8daf-fb8d3a66df36" providerId="ADAL" clId="{FD376C26-B4CF-41E1-87D9-A59DDF770948}" dt="2021-06-03T13:32:08.073" v="2920" actId="1076"/>
          <ac:spMkLst>
            <pc:docMk/>
            <pc:sldMk cId="2166225631" sldId="293"/>
            <ac:spMk id="7" creationId="{3D8F2C1F-A83F-49EE-9DF2-D551769B72D8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9" creationId="{632E4FFE-E921-49A6-9DA2-4D1BFB26A619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0" creationId="{5EF00623-ED6F-4478-AC95-821F07525E7C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1" creationId="{D26F166A-E2EB-473D-BE4C-492FC7DB1C90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2" creationId="{D58CB8A9-223B-4E9C-8394-B442AB492BF6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3" creationId="{B34FFD9A-DD00-423D-BC12-F3F7110D301A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4" creationId="{A39EA75C-309F-4B70-AD55-B285E7B4C039}"/>
          </ac:spMkLst>
        </pc:spChg>
        <pc:spChg chg="add mod">
          <ac:chgData name="Alan Wai Hou Lio" userId="4e2e7dda-a9a8-4e9f-8daf-fb8d3a66df36" providerId="ADAL" clId="{FD376C26-B4CF-41E1-87D9-A59DDF770948}" dt="2021-06-03T13:31:00.061" v="2906" actId="1076"/>
          <ac:spMkLst>
            <pc:docMk/>
            <pc:sldMk cId="2166225631" sldId="293"/>
            <ac:spMk id="15" creationId="{FF4BA9F9-8F54-4BBD-BF42-6B9355FD6DBB}"/>
          </ac:spMkLst>
        </pc:spChg>
        <pc:spChg chg="add mod">
          <ac:chgData name="Alan Wai Hou Lio" userId="4e2e7dda-a9a8-4e9f-8daf-fb8d3a66df36" providerId="ADAL" clId="{FD376C26-B4CF-41E1-87D9-A59DDF770948}" dt="2021-06-03T13:31:58.478" v="2919" actId="1076"/>
          <ac:spMkLst>
            <pc:docMk/>
            <pc:sldMk cId="2166225631" sldId="293"/>
            <ac:spMk id="17" creationId="{B33C1862-5A5A-4579-8631-4A854743EFC1}"/>
          </ac:spMkLst>
        </pc:spChg>
        <pc:spChg chg="add mod">
          <ac:chgData name="Alan Wai Hou Lio" userId="4e2e7dda-a9a8-4e9f-8daf-fb8d3a66df36" providerId="ADAL" clId="{FD376C26-B4CF-41E1-87D9-A59DDF770948}" dt="2021-06-03T13:42:43.352" v="3063" actId="1076"/>
          <ac:spMkLst>
            <pc:docMk/>
            <pc:sldMk cId="2166225631" sldId="293"/>
            <ac:spMk id="20" creationId="{474489D9-0A77-4174-BF38-423763BF7FB2}"/>
          </ac:spMkLst>
        </pc:spChg>
        <pc:spChg chg="add mod">
          <ac:chgData name="Alan Wai Hou Lio" userId="4e2e7dda-a9a8-4e9f-8daf-fb8d3a66df36" providerId="ADAL" clId="{FD376C26-B4CF-41E1-87D9-A59DDF770948}" dt="2021-06-03T13:42:43.352" v="3063" actId="1076"/>
          <ac:spMkLst>
            <pc:docMk/>
            <pc:sldMk cId="2166225631" sldId="293"/>
            <ac:spMk id="21" creationId="{872F2FF0-3E7A-460B-BB9A-745113FF1BD8}"/>
          </ac:spMkLst>
        </pc:spChg>
        <pc:grpChg chg="add mod">
          <ac:chgData name="Alan Wai Hou Lio" userId="4e2e7dda-a9a8-4e9f-8daf-fb8d3a66df36" providerId="ADAL" clId="{FD376C26-B4CF-41E1-87D9-A59DDF770948}" dt="2021-06-03T13:31:00.061" v="2906" actId="1076"/>
          <ac:grpSpMkLst>
            <pc:docMk/>
            <pc:sldMk cId="2166225631" sldId="293"/>
            <ac:grpSpMk id="16" creationId="{791D8618-E554-42A7-8D92-0BDD3DAD917D}"/>
          </ac:grpSpMkLst>
        </pc:grpChg>
        <pc:picChg chg="add mod">
          <ac:chgData name="Alan Wai Hou Lio" userId="4e2e7dda-a9a8-4e9f-8daf-fb8d3a66df36" providerId="ADAL" clId="{FD376C26-B4CF-41E1-87D9-A59DDF770948}" dt="2021-06-03T13:31:03.205" v="2907" actId="1076"/>
          <ac:picMkLst>
            <pc:docMk/>
            <pc:sldMk cId="2166225631" sldId="293"/>
            <ac:picMk id="5" creationId="{AC225D76-08DA-46AB-AB57-3FE65CC6C5AA}"/>
          </ac:picMkLst>
        </pc:picChg>
        <pc:picChg chg="add mod">
          <ac:chgData name="Alan Wai Hou Lio" userId="4e2e7dda-a9a8-4e9f-8daf-fb8d3a66df36" providerId="ADAL" clId="{FD376C26-B4CF-41E1-87D9-A59DDF770948}" dt="2021-06-03T13:31:00.061" v="2906" actId="1076"/>
          <ac:picMkLst>
            <pc:docMk/>
            <pc:sldMk cId="2166225631" sldId="293"/>
            <ac:picMk id="8" creationId="{7E9DE6BB-048F-4B38-8EC0-195CFDE8884B}"/>
          </ac:picMkLst>
        </pc:picChg>
        <pc:cxnChg chg="add mod">
          <ac:chgData name="Alan Wai Hou Lio" userId="4e2e7dda-a9a8-4e9f-8daf-fb8d3a66df36" providerId="ADAL" clId="{FD376C26-B4CF-41E1-87D9-A59DDF770948}" dt="2021-06-03T13:42:26.909" v="3060" actId="14100"/>
          <ac:cxnSpMkLst>
            <pc:docMk/>
            <pc:sldMk cId="2166225631" sldId="293"/>
            <ac:cxnSpMk id="18" creationId="{8DF0D66C-64E3-46C3-AF31-06957E9C15FF}"/>
          </ac:cxnSpMkLst>
        </pc:cxnChg>
      </pc:sldChg>
      <pc:sldChg chg="new del">
        <pc:chgData name="Alan Wai Hou Lio" userId="4e2e7dda-a9a8-4e9f-8daf-fb8d3a66df36" providerId="ADAL" clId="{FD376C26-B4CF-41E1-87D9-A59DDF770948}" dt="2021-06-03T10:24:59.190" v="373" actId="47"/>
        <pc:sldMkLst>
          <pc:docMk/>
          <pc:sldMk cId="2569774459" sldId="294"/>
        </pc:sldMkLst>
      </pc:sldChg>
      <pc:sldChg chg="addSp delSp modSp add del mod ord modAnim">
        <pc:chgData name="Alan Wai Hou Lio" userId="4e2e7dda-a9a8-4e9f-8daf-fb8d3a66df36" providerId="ADAL" clId="{FD376C26-B4CF-41E1-87D9-A59DDF770948}" dt="2021-06-03T12:51:02.538" v="2217" actId="47"/>
        <pc:sldMkLst>
          <pc:docMk/>
          <pc:sldMk cId="2430703294" sldId="295"/>
        </pc:sldMkLst>
        <pc:spChg chg="add mod">
          <ac:chgData name="Alan Wai Hou Lio" userId="4e2e7dda-a9a8-4e9f-8daf-fb8d3a66df36" providerId="ADAL" clId="{FD376C26-B4CF-41E1-87D9-A59DDF770948}" dt="2021-06-03T10:25:50.158" v="383" actId="1076"/>
          <ac:spMkLst>
            <pc:docMk/>
            <pc:sldMk cId="2430703294" sldId="295"/>
            <ac:spMk id="19" creationId="{C8160045-FE53-457D-98BE-59948BCEAE17}"/>
          </ac:spMkLst>
        </pc:spChg>
        <pc:spChg chg="mod">
          <ac:chgData name="Alan Wai Hou Lio" userId="4e2e7dda-a9a8-4e9f-8daf-fb8d3a66df36" providerId="ADAL" clId="{FD376C26-B4CF-41E1-87D9-A59DDF770948}" dt="2021-06-03T10:26:44.962" v="421" actId="14100"/>
          <ac:spMkLst>
            <pc:docMk/>
            <pc:sldMk cId="2430703294" sldId="295"/>
            <ac:spMk id="22" creationId="{9B53683E-A296-450B-AF79-A803093F5E0B}"/>
          </ac:spMkLst>
        </pc:spChg>
        <pc:spChg chg="mod">
          <ac:chgData name="Alan Wai Hou Lio" userId="4e2e7dda-a9a8-4e9f-8daf-fb8d3a66df36" providerId="ADAL" clId="{FD376C26-B4CF-41E1-87D9-A59DDF770948}" dt="2021-06-03T10:26:44.962" v="421" actId="14100"/>
          <ac:spMkLst>
            <pc:docMk/>
            <pc:sldMk cId="2430703294" sldId="295"/>
            <ac:spMk id="23" creationId="{C48186F9-E960-4E22-8E57-E81D29CB1B4D}"/>
          </ac:spMkLst>
        </pc:spChg>
        <pc:spChg chg="mod">
          <ac:chgData name="Alan Wai Hou Lio" userId="4e2e7dda-a9a8-4e9f-8daf-fb8d3a66df36" providerId="ADAL" clId="{FD376C26-B4CF-41E1-87D9-A59DDF770948}" dt="2021-06-03T10:26:44.962" v="421" actId="14100"/>
          <ac:spMkLst>
            <pc:docMk/>
            <pc:sldMk cId="2430703294" sldId="295"/>
            <ac:spMk id="24" creationId="{CBF0F30C-5180-4F23-9415-0FE9727248D7}"/>
          </ac:spMkLst>
        </pc:spChg>
        <pc:spChg chg="mod">
          <ac:chgData name="Alan Wai Hou Lio" userId="4e2e7dda-a9a8-4e9f-8daf-fb8d3a66df36" providerId="ADAL" clId="{FD376C26-B4CF-41E1-87D9-A59DDF770948}" dt="2021-06-03T10:25:13.875" v="374" actId="20577"/>
          <ac:spMkLst>
            <pc:docMk/>
            <pc:sldMk cId="2430703294" sldId="295"/>
            <ac:spMk id="36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26:22.732" v="417" actId="20577"/>
          <ac:spMkLst>
            <pc:docMk/>
            <pc:sldMk cId="2430703294" sldId="295"/>
            <ac:spMk id="37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0:25:24.010" v="375" actId="478"/>
          <ac:spMkLst>
            <pc:docMk/>
            <pc:sldMk cId="2430703294" sldId="295"/>
            <ac:spMk id="38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0:25:31.037" v="378" actId="478"/>
          <ac:spMkLst>
            <pc:docMk/>
            <pc:sldMk cId="2430703294" sldId="295"/>
            <ac:spMk id="39" creationId="{00000000-0000-0000-0000-000000000000}"/>
          </ac:spMkLst>
        </pc:spChg>
        <pc:spChg chg="del">
          <ac:chgData name="Alan Wai Hou Lio" userId="4e2e7dda-a9a8-4e9f-8daf-fb8d3a66df36" providerId="ADAL" clId="{FD376C26-B4CF-41E1-87D9-A59DDF770948}" dt="2021-06-03T10:25:33.469" v="379" actId="478"/>
          <ac:spMkLst>
            <pc:docMk/>
            <pc:sldMk cId="2430703294" sldId="295"/>
            <ac:spMk id="40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25:28.108" v="377" actId="1076"/>
          <ac:spMkLst>
            <pc:docMk/>
            <pc:sldMk cId="2430703294" sldId="295"/>
            <ac:spMk id="43" creationId="{00000000-0000-0000-0000-000000000000}"/>
          </ac:spMkLst>
        </pc:spChg>
        <pc:spChg chg="mod">
          <ac:chgData name="Alan Wai Hou Lio" userId="4e2e7dda-a9a8-4e9f-8daf-fb8d3a66df36" providerId="ADAL" clId="{FD376C26-B4CF-41E1-87D9-A59DDF770948}" dt="2021-06-03T10:25:36.892" v="381" actId="1076"/>
          <ac:spMkLst>
            <pc:docMk/>
            <pc:sldMk cId="2430703294" sldId="295"/>
            <ac:spMk id="44" creationId="{00000000-0000-0000-0000-000000000000}"/>
          </ac:spMkLst>
        </pc:spChg>
        <pc:spChg chg="mod ord topLvl">
          <ac:chgData name="Alan Wai Hou Lio" userId="4e2e7dda-a9a8-4e9f-8daf-fb8d3a66df36" providerId="ADAL" clId="{FD376C26-B4CF-41E1-87D9-A59DDF770948}" dt="2021-06-03T10:27:55.114" v="436" actId="14100"/>
          <ac:spMkLst>
            <pc:docMk/>
            <pc:sldMk cId="2430703294" sldId="295"/>
            <ac:spMk id="47" creationId="{00000000-0000-0000-0000-000000000000}"/>
          </ac:spMkLst>
        </pc:spChg>
        <pc:grpChg chg="add del mod">
          <ac:chgData name="Alan Wai Hou Lio" userId="4e2e7dda-a9a8-4e9f-8daf-fb8d3a66df36" providerId="ADAL" clId="{FD376C26-B4CF-41E1-87D9-A59DDF770948}" dt="2021-06-03T10:26:45.907" v="422"/>
          <ac:grpSpMkLst>
            <pc:docMk/>
            <pc:sldMk cId="2430703294" sldId="295"/>
            <ac:grpSpMk id="20" creationId="{0C3ACF7A-76C7-4F04-9B10-97A50A51FC19}"/>
          </ac:grpSpMkLst>
        </pc:grpChg>
        <pc:grpChg chg="add del">
          <ac:chgData name="Alan Wai Hou Lio" userId="4e2e7dda-a9a8-4e9f-8daf-fb8d3a66df36" providerId="ADAL" clId="{FD376C26-B4CF-41E1-87D9-A59DDF770948}" dt="2021-06-03T10:27:37.348" v="428" actId="478"/>
          <ac:grpSpMkLst>
            <pc:docMk/>
            <pc:sldMk cId="2430703294" sldId="295"/>
            <ac:grpSpMk id="45" creationId="{00000000-0000-0000-0000-000000000000}"/>
          </ac:grpSpMkLst>
        </pc:grpChg>
        <pc:picChg chg="add mod">
          <ac:chgData name="Alan Wai Hou Lio" userId="4e2e7dda-a9a8-4e9f-8daf-fb8d3a66df36" providerId="ADAL" clId="{FD376C26-B4CF-41E1-87D9-A59DDF770948}" dt="2021-06-03T10:27:44.054" v="432" actId="1076"/>
          <ac:picMkLst>
            <pc:docMk/>
            <pc:sldMk cId="2430703294" sldId="295"/>
            <ac:picMk id="4" creationId="{29BF1F2A-ED4E-4A73-A56F-26D6BD20E94B}"/>
          </ac:picMkLst>
        </pc:picChg>
        <pc:picChg chg="mod">
          <ac:chgData name="Alan Wai Hou Lio" userId="4e2e7dda-a9a8-4e9f-8daf-fb8d3a66df36" providerId="ADAL" clId="{FD376C26-B4CF-41E1-87D9-A59DDF770948}" dt="2021-06-03T10:26:44.962" v="421" actId="14100"/>
          <ac:picMkLst>
            <pc:docMk/>
            <pc:sldMk cId="2430703294" sldId="295"/>
            <ac:picMk id="21" creationId="{7AD246C9-92D8-4096-AFFA-6FF2ABE614BC}"/>
          </ac:picMkLst>
        </pc:picChg>
        <pc:picChg chg="del topLvl">
          <ac:chgData name="Alan Wai Hou Lio" userId="4e2e7dda-a9a8-4e9f-8daf-fb8d3a66df36" providerId="ADAL" clId="{FD376C26-B4CF-41E1-87D9-A59DDF770948}" dt="2021-06-03T10:27:37.348" v="428" actId="478"/>
          <ac:picMkLst>
            <pc:docMk/>
            <pc:sldMk cId="2430703294" sldId="295"/>
            <ac:picMk id="46" creationId="{00000000-0000-0000-0000-000000000000}"/>
          </ac:picMkLst>
        </pc:picChg>
        <pc:cxnChg chg="mod">
          <ac:chgData name="Alan Wai Hou Lio" userId="4e2e7dda-a9a8-4e9f-8daf-fb8d3a66df36" providerId="ADAL" clId="{FD376C26-B4CF-41E1-87D9-A59DDF770948}" dt="2021-06-03T10:25:26.417" v="376" actId="1076"/>
          <ac:cxnSpMkLst>
            <pc:docMk/>
            <pc:sldMk cId="2430703294" sldId="295"/>
            <ac:cxnSpMk id="41" creationId="{00000000-0000-0000-0000-000000000000}"/>
          </ac:cxnSpMkLst>
        </pc:cxnChg>
        <pc:cxnChg chg="mod">
          <ac:chgData name="Alan Wai Hou Lio" userId="4e2e7dda-a9a8-4e9f-8daf-fb8d3a66df36" providerId="ADAL" clId="{FD376C26-B4CF-41E1-87D9-A59DDF770948}" dt="2021-06-03T10:25:35.558" v="380" actId="1076"/>
          <ac:cxnSpMkLst>
            <pc:docMk/>
            <pc:sldMk cId="2430703294" sldId="295"/>
            <ac:cxnSpMk id="42" creationId="{00000000-0000-0000-0000-000000000000}"/>
          </ac:cxnSpMkLst>
        </pc:cxnChg>
      </pc:sldChg>
      <pc:sldChg chg="addSp delSp modSp new mod delAnim modAnim">
        <pc:chgData name="Alan Wai Hou Lio" userId="4e2e7dda-a9a8-4e9f-8daf-fb8d3a66df36" providerId="ADAL" clId="{FD376C26-B4CF-41E1-87D9-A59DDF770948}" dt="2021-06-03T13:36:06.705" v="2983" actId="20577"/>
        <pc:sldMkLst>
          <pc:docMk/>
          <pc:sldMk cId="1089283600" sldId="296"/>
        </pc:sldMkLst>
        <pc:spChg chg="mod">
          <ac:chgData name="Alan Wai Hou Lio" userId="4e2e7dda-a9a8-4e9f-8daf-fb8d3a66df36" providerId="ADAL" clId="{FD376C26-B4CF-41E1-87D9-A59DDF770948}" dt="2021-06-03T11:20:27.869" v="1148" actId="20577"/>
          <ac:spMkLst>
            <pc:docMk/>
            <pc:sldMk cId="1089283600" sldId="296"/>
            <ac:spMk id="2" creationId="{13668507-BBEE-45C4-8C3A-EEA7595AE1AD}"/>
          </ac:spMkLst>
        </pc:spChg>
        <pc:spChg chg="mod">
          <ac:chgData name="Alan Wai Hou Lio" userId="4e2e7dda-a9a8-4e9f-8daf-fb8d3a66df36" providerId="ADAL" clId="{FD376C26-B4CF-41E1-87D9-A59DDF770948}" dt="2021-06-03T13:36:06.705" v="2983" actId="20577"/>
          <ac:spMkLst>
            <pc:docMk/>
            <pc:sldMk cId="1089283600" sldId="296"/>
            <ac:spMk id="3" creationId="{6D3201B4-B44F-4BC5-9F17-D696BC9E8A4B}"/>
          </ac:spMkLst>
        </pc:spChg>
        <pc:spChg chg="add del mod">
          <ac:chgData name="Alan Wai Hou Lio" userId="4e2e7dda-a9a8-4e9f-8daf-fb8d3a66df36" providerId="ADAL" clId="{FD376C26-B4CF-41E1-87D9-A59DDF770948}" dt="2021-06-03T10:29:39.860" v="545" actId="478"/>
          <ac:spMkLst>
            <pc:docMk/>
            <pc:sldMk cId="1089283600" sldId="296"/>
            <ac:spMk id="7" creationId="{035804FE-97B7-49C4-94DD-DE2EDCFB4908}"/>
          </ac:spMkLst>
        </pc:spChg>
        <pc:spChg chg="add mod">
          <ac:chgData name="Alan Wai Hou Lio" userId="4e2e7dda-a9a8-4e9f-8daf-fb8d3a66df36" providerId="ADAL" clId="{FD376C26-B4CF-41E1-87D9-A59DDF770948}" dt="2021-06-03T10:32:46.094" v="750" actId="1076"/>
          <ac:spMkLst>
            <pc:docMk/>
            <pc:sldMk cId="1089283600" sldId="296"/>
            <ac:spMk id="8" creationId="{F96B51B9-0E4F-452E-9272-6EB0E63EE834}"/>
          </ac:spMkLst>
        </pc:spChg>
        <pc:spChg chg="add del mod">
          <ac:chgData name="Alan Wai Hou Lio" userId="4e2e7dda-a9a8-4e9f-8daf-fb8d3a66df36" providerId="ADAL" clId="{FD376C26-B4CF-41E1-87D9-A59DDF770948}" dt="2021-06-03T10:39:08.347" v="922" actId="478"/>
          <ac:spMkLst>
            <pc:docMk/>
            <pc:sldMk cId="1089283600" sldId="296"/>
            <ac:spMk id="9" creationId="{0BD8EABC-AF78-42B0-A566-7D48F8CE7830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10" creationId="{CCE09568-2084-4EF5-A26F-2C647F37E3F3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11" creationId="{5D7754DB-577D-4BA1-8A5A-FCA7ABA6D842}"/>
          </ac:spMkLst>
        </pc:spChg>
        <pc:spChg chg="add del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18" creationId="{5EA1F46B-B332-4AEF-A53B-08A2C1EB7596}"/>
          </ac:spMkLst>
        </pc:spChg>
        <pc:spChg chg="add mod">
          <ac:chgData name="Alan Wai Hou Lio" userId="4e2e7dda-a9a8-4e9f-8daf-fb8d3a66df36" providerId="ADAL" clId="{FD376C26-B4CF-41E1-87D9-A59DDF770948}" dt="2021-06-03T13:36:03.819" v="2981" actId="20577"/>
          <ac:spMkLst>
            <pc:docMk/>
            <pc:sldMk cId="1089283600" sldId="296"/>
            <ac:spMk id="19" creationId="{34C187D7-1C7E-4DFC-A831-F376A5F28614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20" creationId="{BD92F458-7D73-491D-92FF-1289F1F9FAD2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27" creationId="{F87C4705-A28F-42FC-BE72-B108E7F20A9C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29" creationId="{E6AA2CAD-A498-45DB-B5C9-E9C020034581}"/>
          </ac:spMkLst>
        </pc:spChg>
        <pc:spChg chg="add mod">
          <ac:chgData name="Alan Wai Hou Lio" userId="4e2e7dda-a9a8-4e9f-8daf-fb8d3a66df36" providerId="ADAL" clId="{FD376C26-B4CF-41E1-87D9-A59DDF770948}" dt="2021-06-03T10:44:17.171" v="1105" actId="1076"/>
          <ac:spMkLst>
            <pc:docMk/>
            <pc:sldMk cId="1089283600" sldId="296"/>
            <ac:spMk id="33" creationId="{C01F6BE0-35E0-4FF5-8567-80594043D443}"/>
          </ac:spMkLst>
        </pc:spChg>
        <pc:picChg chg="add del mod">
          <ac:chgData name="Alan Wai Hou Lio" userId="4e2e7dda-a9a8-4e9f-8daf-fb8d3a66df36" providerId="ADAL" clId="{FD376C26-B4CF-41E1-87D9-A59DDF770948}" dt="2021-06-03T10:28:59.873" v="504" actId="478"/>
          <ac:picMkLst>
            <pc:docMk/>
            <pc:sldMk cId="1089283600" sldId="296"/>
            <ac:picMk id="5" creationId="{65A9E0C2-B664-4AF3-86FC-42F5D094444E}"/>
          </ac:picMkLst>
        </pc:picChg>
        <pc:picChg chg="add mod">
          <ac:chgData name="Alan Wai Hou Lio" userId="4e2e7dda-a9a8-4e9f-8daf-fb8d3a66df36" providerId="ADAL" clId="{FD376C26-B4CF-41E1-87D9-A59DDF770948}" dt="2021-06-03T11:20:31.263" v="1149" actId="1076"/>
          <ac:picMkLst>
            <pc:docMk/>
            <pc:sldMk cId="1089283600" sldId="296"/>
            <ac:picMk id="6" creationId="{A74A0AF1-90C0-4008-A848-7DE64C84BFEA}"/>
          </ac:picMkLst>
        </pc:pic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13" creationId="{80C88C6C-5FE3-4EBE-B2BD-1E90C615C08F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15" creationId="{508D8918-98B3-477E-A560-850B1AE60DDA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22" creationId="{DCD561A8-E059-47F5-87EB-963FBE34A27D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28" creationId="{28417776-A43D-432F-9340-A220822C8D1B}"/>
          </ac:cxnSpMkLst>
        </pc:cxnChg>
        <pc:cxnChg chg="add mod">
          <ac:chgData name="Alan Wai Hou Lio" userId="4e2e7dda-a9a8-4e9f-8daf-fb8d3a66df36" providerId="ADAL" clId="{FD376C26-B4CF-41E1-87D9-A59DDF770948}" dt="2021-06-03T10:44:17.171" v="1105" actId="1076"/>
          <ac:cxnSpMkLst>
            <pc:docMk/>
            <pc:sldMk cId="1089283600" sldId="296"/>
            <ac:cxnSpMk id="30" creationId="{655BD000-7892-4B1B-9851-BDAD972D59BE}"/>
          </ac:cxnSpMkLst>
        </pc:cxnChg>
      </pc:sldChg>
      <pc:sldChg chg="addSp delSp modSp new mod">
        <pc:chgData name="Alan Wai Hou Lio" userId="4e2e7dda-a9a8-4e9f-8daf-fb8d3a66df36" providerId="ADAL" clId="{FD376C26-B4CF-41E1-87D9-A59DDF770948}" dt="2021-06-03T13:40:27.703" v="3056" actId="1076"/>
        <pc:sldMkLst>
          <pc:docMk/>
          <pc:sldMk cId="3785708882" sldId="297"/>
        </pc:sldMkLst>
        <pc:spChg chg="mod">
          <ac:chgData name="Alan Wai Hou Lio" userId="4e2e7dda-a9a8-4e9f-8daf-fb8d3a66df36" providerId="ADAL" clId="{FD376C26-B4CF-41E1-87D9-A59DDF770948}" dt="2021-06-03T13:27:07.375" v="2884" actId="20577"/>
          <ac:spMkLst>
            <pc:docMk/>
            <pc:sldMk cId="3785708882" sldId="297"/>
            <ac:spMk id="2" creationId="{0835BFDC-81F9-41B1-B422-B99B3945AEE4}"/>
          </ac:spMkLst>
        </pc:spChg>
        <pc:spChg chg="mod">
          <ac:chgData name="Alan Wai Hou Lio" userId="4e2e7dda-a9a8-4e9f-8daf-fb8d3a66df36" providerId="ADAL" clId="{FD376C26-B4CF-41E1-87D9-A59DDF770948}" dt="2021-06-03T13:40:23.311" v="3055" actId="20577"/>
          <ac:spMkLst>
            <pc:docMk/>
            <pc:sldMk cId="3785708882" sldId="297"/>
            <ac:spMk id="3" creationId="{04D024E5-978B-41C3-9498-56D10BBFB7D2}"/>
          </ac:spMkLst>
        </pc:spChg>
        <pc:spChg chg="add mod">
          <ac:chgData name="Alan Wai Hou Lio" userId="4e2e7dda-a9a8-4e9f-8daf-fb8d3a66df36" providerId="ADAL" clId="{FD376C26-B4CF-41E1-87D9-A59DDF770948}" dt="2021-06-03T12:18:44.596" v="1252" actId="14100"/>
          <ac:spMkLst>
            <pc:docMk/>
            <pc:sldMk cId="3785708882" sldId="297"/>
            <ac:spMk id="7" creationId="{9D3F87EE-6F78-480E-8411-3F96556FD35F}"/>
          </ac:spMkLst>
        </pc:spChg>
        <pc:spChg chg="add mod">
          <ac:chgData name="Alan Wai Hou Lio" userId="4e2e7dda-a9a8-4e9f-8daf-fb8d3a66df36" providerId="ADAL" clId="{FD376C26-B4CF-41E1-87D9-A59DDF770948}" dt="2021-06-03T12:18:55.054" v="1256" actId="1076"/>
          <ac:spMkLst>
            <pc:docMk/>
            <pc:sldMk cId="3785708882" sldId="297"/>
            <ac:spMk id="8" creationId="{A49A8507-7801-4E08-A656-456F64162FF1}"/>
          </ac:spMkLst>
        </pc:spChg>
        <pc:spChg chg="add mod">
          <ac:chgData name="Alan Wai Hou Lio" userId="4e2e7dda-a9a8-4e9f-8daf-fb8d3a66df36" providerId="ADAL" clId="{FD376C26-B4CF-41E1-87D9-A59DDF770948}" dt="2021-06-03T12:19:13.789" v="1264" actId="1076"/>
          <ac:spMkLst>
            <pc:docMk/>
            <pc:sldMk cId="3785708882" sldId="297"/>
            <ac:spMk id="11" creationId="{B6C1931F-47A2-44B2-A839-81AC010962A2}"/>
          </ac:spMkLst>
        </pc:spChg>
        <pc:spChg chg="add mod">
          <ac:chgData name="Alan Wai Hou Lio" userId="4e2e7dda-a9a8-4e9f-8daf-fb8d3a66df36" providerId="ADAL" clId="{FD376C26-B4CF-41E1-87D9-A59DDF770948}" dt="2021-06-03T12:20:25.704" v="1309" actId="313"/>
          <ac:spMkLst>
            <pc:docMk/>
            <pc:sldMk cId="3785708882" sldId="297"/>
            <ac:spMk id="14" creationId="{CBAB3658-420C-4C9D-A732-477405B2E1D9}"/>
          </ac:spMkLst>
        </pc:spChg>
        <pc:spChg chg="add mod">
          <ac:chgData name="Alan Wai Hou Lio" userId="4e2e7dda-a9a8-4e9f-8daf-fb8d3a66df36" providerId="ADAL" clId="{FD376C26-B4CF-41E1-87D9-A59DDF770948}" dt="2021-06-03T13:40:27.703" v="3056" actId="1076"/>
          <ac:spMkLst>
            <pc:docMk/>
            <pc:sldMk cId="3785708882" sldId="297"/>
            <ac:spMk id="15" creationId="{53E610AA-4B51-4805-BAFA-EB7EF8E3E917}"/>
          </ac:spMkLst>
        </pc:spChg>
        <pc:picChg chg="add del mod">
          <ac:chgData name="Alan Wai Hou Lio" userId="4e2e7dda-a9a8-4e9f-8daf-fb8d3a66df36" providerId="ADAL" clId="{FD376C26-B4CF-41E1-87D9-A59DDF770948}" dt="2021-06-03T12:18:21.116" v="1246" actId="478"/>
          <ac:picMkLst>
            <pc:docMk/>
            <pc:sldMk cId="3785708882" sldId="297"/>
            <ac:picMk id="5" creationId="{4E64B940-9A52-45CA-A5D2-4B9A2AAC9F37}"/>
          </ac:picMkLst>
        </pc:picChg>
        <pc:picChg chg="add mod">
          <ac:chgData name="Alan Wai Hou Lio" userId="4e2e7dda-a9a8-4e9f-8daf-fb8d3a66df36" providerId="ADAL" clId="{FD376C26-B4CF-41E1-87D9-A59DDF770948}" dt="2021-06-03T12:18:46.713" v="1254" actId="1076"/>
          <ac:picMkLst>
            <pc:docMk/>
            <pc:sldMk cId="3785708882" sldId="297"/>
            <ac:picMk id="6" creationId="{80E4E535-353D-489E-BDA4-A29844A084D8}"/>
          </ac:picMkLst>
        </pc:picChg>
        <pc:cxnChg chg="add">
          <ac:chgData name="Alan Wai Hou Lio" userId="4e2e7dda-a9a8-4e9f-8daf-fb8d3a66df36" providerId="ADAL" clId="{FD376C26-B4CF-41E1-87D9-A59DDF770948}" dt="2021-06-03T12:19:01.337" v="1257" actId="11529"/>
          <ac:cxnSpMkLst>
            <pc:docMk/>
            <pc:sldMk cId="3785708882" sldId="297"/>
            <ac:cxnSpMk id="10" creationId="{6249210F-560A-4E36-B726-6C6C0CCCAD7B}"/>
          </ac:cxnSpMkLst>
        </pc:cxnChg>
        <pc:cxnChg chg="add mod">
          <ac:chgData name="Alan Wai Hou Lio" userId="4e2e7dda-a9a8-4e9f-8daf-fb8d3a66df36" providerId="ADAL" clId="{FD376C26-B4CF-41E1-87D9-A59DDF770948}" dt="2021-06-03T12:19:25.562" v="1268" actId="1076"/>
          <ac:cxnSpMkLst>
            <pc:docMk/>
            <pc:sldMk cId="3785708882" sldId="297"/>
            <ac:cxnSpMk id="12" creationId="{A71FD8CF-56B0-49D3-B649-5D6B953DE89C}"/>
          </ac:cxnSpMkLst>
        </pc:cxnChg>
      </pc:sldChg>
      <pc:sldChg chg="addSp delSp modSp new mod ord">
        <pc:chgData name="Alan Wai Hou Lio" userId="4e2e7dda-a9a8-4e9f-8daf-fb8d3a66df36" providerId="ADAL" clId="{FD376C26-B4CF-41E1-87D9-A59DDF770948}" dt="2021-06-03T13:35:53.681" v="2972" actId="20577"/>
        <pc:sldMkLst>
          <pc:docMk/>
          <pc:sldMk cId="4225219025" sldId="298"/>
        </pc:sldMkLst>
        <pc:spChg chg="mod">
          <ac:chgData name="Alan Wai Hou Lio" userId="4e2e7dda-a9a8-4e9f-8daf-fb8d3a66df36" providerId="ADAL" clId="{FD376C26-B4CF-41E1-87D9-A59DDF770948}" dt="2021-06-03T12:22:00.033" v="1489"/>
          <ac:spMkLst>
            <pc:docMk/>
            <pc:sldMk cId="4225219025" sldId="298"/>
            <ac:spMk id="2" creationId="{7B648363-4D04-4BDC-B681-A15821C49E89}"/>
          </ac:spMkLst>
        </pc:spChg>
        <pc:spChg chg="mod">
          <ac:chgData name="Alan Wai Hou Lio" userId="4e2e7dda-a9a8-4e9f-8daf-fb8d3a66df36" providerId="ADAL" clId="{FD376C26-B4CF-41E1-87D9-A59DDF770948}" dt="2021-06-03T12:42:51.585" v="2094" actId="20577"/>
          <ac:spMkLst>
            <pc:docMk/>
            <pc:sldMk cId="4225219025" sldId="298"/>
            <ac:spMk id="3" creationId="{382C89EF-45C2-4AAA-82AC-091C44C66D9F}"/>
          </ac:spMkLst>
        </pc:spChg>
        <pc:spChg chg="add mod">
          <ac:chgData name="Alan Wai Hou Lio" userId="4e2e7dda-a9a8-4e9f-8daf-fb8d3a66df36" providerId="ADAL" clId="{FD376C26-B4CF-41E1-87D9-A59DDF770948}" dt="2021-06-03T13:35:53.681" v="2972" actId="20577"/>
          <ac:spMkLst>
            <pc:docMk/>
            <pc:sldMk cId="4225219025" sldId="298"/>
            <ac:spMk id="5" creationId="{65289609-248C-4CB2-B18F-92EA9D2F14FB}"/>
          </ac:spMkLst>
        </pc:spChg>
        <pc:spChg chg="add mod">
          <ac:chgData name="Alan Wai Hou Lio" userId="4e2e7dda-a9a8-4e9f-8daf-fb8d3a66df36" providerId="ADAL" clId="{FD376C26-B4CF-41E1-87D9-A59DDF770948}" dt="2021-06-03T12:24:26.149" v="1552" actId="1076"/>
          <ac:spMkLst>
            <pc:docMk/>
            <pc:sldMk cId="4225219025" sldId="298"/>
            <ac:spMk id="6" creationId="{CCF112F8-8A67-4CA8-ABE7-046A04E188CA}"/>
          </ac:spMkLst>
        </pc:spChg>
        <pc:spChg chg="add mod">
          <ac:chgData name="Alan Wai Hou Lio" userId="4e2e7dda-a9a8-4e9f-8daf-fb8d3a66df36" providerId="ADAL" clId="{FD376C26-B4CF-41E1-87D9-A59DDF770948}" dt="2021-06-03T12:26:33.174" v="1623" actId="1076"/>
          <ac:spMkLst>
            <pc:docMk/>
            <pc:sldMk cId="4225219025" sldId="298"/>
            <ac:spMk id="7" creationId="{09E22235-4721-461F-BBA2-FE1D7666C097}"/>
          </ac:spMkLst>
        </pc:spChg>
        <pc:spChg chg="add del mod">
          <ac:chgData name="Alan Wai Hou Lio" userId="4e2e7dda-a9a8-4e9f-8daf-fb8d3a66df36" providerId="ADAL" clId="{FD376C26-B4CF-41E1-87D9-A59DDF770948}" dt="2021-06-03T12:39:18.630" v="1966"/>
          <ac:spMkLst>
            <pc:docMk/>
            <pc:sldMk cId="4225219025" sldId="298"/>
            <ac:spMk id="8" creationId="{FF911BED-8C7A-4487-B2CA-16FB67232097}"/>
          </ac:spMkLst>
        </pc:spChg>
        <pc:spChg chg="add mod">
          <ac:chgData name="Alan Wai Hou Lio" userId="4e2e7dda-a9a8-4e9f-8daf-fb8d3a66df36" providerId="ADAL" clId="{FD376C26-B4CF-41E1-87D9-A59DDF770948}" dt="2021-06-03T12:31:42.712" v="1750" actId="1076"/>
          <ac:spMkLst>
            <pc:docMk/>
            <pc:sldMk cId="4225219025" sldId="298"/>
            <ac:spMk id="9" creationId="{33A8563E-7684-482C-894C-240E4B2AAC5D}"/>
          </ac:spMkLst>
        </pc:spChg>
        <pc:spChg chg="add mod">
          <ac:chgData name="Alan Wai Hou Lio" userId="4e2e7dda-a9a8-4e9f-8daf-fb8d3a66df36" providerId="ADAL" clId="{FD376C26-B4CF-41E1-87D9-A59DDF770948}" dt="2021-06-03T13:35:41.554" v="2966" actId="20577"/>
          <ac:spMkLst>
            <pc:docMk/>
            <pc:sldMk cId="4225219025" sldId="298"/>
            <ac:spMk id="10" creationId="{C2AC25AF-04F5-4B93-A906-7836438FA753}"/>
          </ac:spMkLst>
        </pc:spChg>
        <pc:spChg chg="add mod">
          <ac:chgData name="Alan Wai Hou Lio" userId="4e2e7dda-a9a8-4e9f-8daf-fb8d3a66df36" providerId="ADAL" clId="{FD376C26-B4CF-41E1-87D9-A59DDF770948}" dt="2021-06-03T13:35:47.658" v="2970" actId="20577"/>
          <ac:spMkLst>
            <pc:docMk/>
            <pc:sldMk cId="4225219025" sldId="298"/>
            <ac:spMk id="11" creationId="{23ED1EDE-B398-4472-88DC-0F8C97002CCF}"/>
          </ac:spMkLst>
        </pc:spChg>
        <pc:spChg chg="add del mod">
          <ac:chgData name="Alan Wai Hou Lio" userId="4e2e7dda-a9a8-4e9f-8daf-fb8d3a66df36" providerId="ADAL" clId="{FD376C26-B4CF-41E1-87D9-A59DDF770948}" dt="2021-06-03T12:42:21.597" v="2058" actId="478"/>
          <ac:spMkLst>
            <pc:docMk/>
            <pc:sldMk cId="4225219025" sldId="298"/>
            <ac:spMk id="12" creationId="{14B54177-F372-4369-A69B-EDAC436842BD}"/>
          </ac:spMkLst>
        </pc:spChg>
        <pc:spChg chg="add mod">
          <ac:chgData name="Alan Wai Hou Lio" userId="4e2e7dda-a9a8-4e9f-8daf-fb8d3a66df36" providerId="ADAL" clId="{FD376C26-B4CF-41E1-87D9-A59DDF770948}" dt="2021-06-03T13:35:44.913" v="2968" actId="20577"/>
          <ac:spMkLst>
            <pc:docMk/>
            <pc:sldMk cId="4225219025" sldId="298"/>
            <ac:spMk id="13" creationId="{6E9048CA-27D5-4DE7-8F57-D786C3E6CC53}"/>
          </ac:spMkLst>
        </pc:spChg>
        <pc:spChg chg="add del mod">
          <ac:chgData name="Alan Wai Hou Lio" userId="4e2e7dda-a9a8-4e9f-8daf-fb8d3a66df36" providerId="ADAL" clId="{FD376C26-B4CF-41E1-87D9-A59DDF770948}" dt="2021-06-03T12:51:12.977" v="2220"/>
          <ac:spMkLst>
            <pc:docMk/>
            <pc:sldMk cId="4225219025" sldId="298"/>
            <ac:spMk id="14" creationId="{40ADA402-BCDB-4EBD-9EC0-43DD6E524E82}"/>
          </ac:spMkLst>
        </pc:spChg>
        <pc:spChg chg="add mod">
          <ac:chgData name="Alan Wai Hou Lio" userId="4e2e7dda-a9a8-4e9f-8daf-fb8d3a66df36" providerId="ADAL" clId="{FD376C26-B4CF-41E1-87D9-A59DDF770948}" dt="2021-06-03T12:53:19.557" v="2271" actId="1076"/>
          <ac:spMkLst>
            <pc:docMk/>
            <pc:sldMk cId="4225219025" sldId="298"/>
            <ac:spMk id="15" creationId="{99D45B22-ABDB-4690-A32F-CAB156D60FF6}"/>
          </ac:spMkLst>
        </pc:spChg>
      </pc:sldChg>
      <pc:sldChg chg="addSp delSp modSp new mod">
        <pc:chgData name="Alan Wai Hou Lio" userId="4e2e7dda-a9a8-4e9f-8daf-fb8d3a66df36" providerId="ADAL" clId="{FD376C26-B4CF-41E1-87D9-A59DDF770948}" dt="2021-06-03T13:35:34.871" v="2962" actId="20577"/>
        <pc:sldMkLst>
          <pc:docMk/>
          <pc:sldMk cId="1233478976" sldId="299"/>
        </pc:sldMkLst>
        <pc:spChg chg="mod">
          <ac:chgData name="Alan Wai Hou Lio" userId="4e2e7dda-a9a8-4e9f-8daf-fb8d3a66df36" providerId="ADAL" clId="{FD376C26-B4CF-41E1-87D9-A59DDF770948}" dt="2021-06-03T12:53:43.762" v="2320" actId="20577"/>
          <ac:spMkLst>
            <pc:docMk/>
            <pc:sldMk cId="1233478976" sldId="299"/>
            <ac:spMk id="2" creationId="{969B778A-13D9-4B1C-8B31-95332C07656F}"/>
          </ac:spMkLst>
        </pc:spChg>
        <pc:spChg chg="mod">
          <ac:chgData name="Alan Wai Hou Lio" userId="4e2e7dda-a9a8-4e9f-8daf-fb8d3a66df36" providerId="ADAL" clId="{FD376C26-B4CF-41E1-87D9-A59DDF770948}" dt="2021-06-03T13:24:08.038" v="2777" actId="20577"/>
          <ac:spMkLst>
            <pc:docMk/>
            <pc:sldMk cId="1233478976" sldId="299"/>
            <ac:spMk id="3" creationId="{F4688B9C-EB05-4B22-A41C-B8277512A066}"/>
          </ac:spMkLst>
        </pc:spChg>
        <pc:spChg chg="add mod">
          <ac:chgData name="Alan Wai Hou Lio" userId="4e2e7dda-a9a8-4e9f-8daf-fb8d3a66df36" providerId="ADAL" clId="{FD376C26-B4CF-41E1-87D9-A59DDF770948}" dt="2021-06-03T13:35:24.863" v="2956" actId="20577"/>
          <ac:spMkLst>
            <pc:docMk/>
            <pc:sldMk cId="1233478976" sldId="299"/>
            <ac:spMk id="5" creationId="{AACD7C1D-DD0F-46FE-8C1E-05DC2A90A895}"/>
          </ac:spMkLst>
        </pc:spChg>
        <pc:spChg chg="add mod">
          <ac:chgData name="Alan Wai Hou Lio" userId="4e2e7dda-a9a8-4e9f-8daf-fb8d3a66df36" providerId="ADAL" clId="{FD376C26-B4CF-41E1-87D9-A59DDF770948}" dt="2021-06-03T13:26:36.190" v="2849" actId="20577"/>
          <ac:spMkLst>
            <pc:docMk/>
            <pc:sldMk cId="1233478976" sldId="299"/>
            <ac:spMk id="6" creationId="{C653D61C-5943-487C-BC20-23CB601138C1}"/>
          </ac:spMkLst>
        </pc:spChg>
        <pc:spChg chg="add mod">
          <ac:chgData name="Alan Wai Hou Lio" userId="4e2e7dda-a9a8-4e9f-8daf-fb8d3a66df36" providerId="ADAL" clId="{FD376C26-B4CF-41E1-87D9-A59DDF770948}" dt="2021-06-03T13:35:32.119" v="2960" actId="20577"/>
          <ac:spMkLst>
            <pc:docMk/>
            <pc:sldMk cId="1233478976" sldId="299"/>
            <ac:spMk id="10" creationId="{A59222A3-5729-45E4-8BE0-C6614ED4F73D}"/>
          </ac:spMkLst>
        </pc:spChg>
        <pc:spChg chg="add mod">
          <ac:chgData name="Alan Wai Hou Lio" userId="4e2e7dda-a9a8-4e9f-8daf-fb8d3a66df36" providerId="ADAL" clId="{FD376C26-B4CF-41E1-87D9-A59DDF770948}" dt="2021-06-03T13:35:28.784" v="2958" actId="20577"/>
          <ac:spMkLst>
            <pc:docMk/>
            <pc:sldMk cId="1233478976" sldId="299"/>
            <ac:spMk id="11" creationId="{C16D5A4E-986F-4F5C-AA62-AA0DAC02DB8F}"/>
          </ac:spMkLst>
        </pc:spChg>
        <pc:spChg chg="add mod">
          <ac:chgData name="Alan Wai Hou Lio" userId="4e2e7dda-a9a8-4e9f-8daf-fb8d3a66df36" providerId="ADAL" clId="{FD376C26-B4CF-41E1-87D9-A59DDF770948}" dt="2021-06-03T13:35:34.871" v="2962" actId="20577"/>
          <ac:spMkLst>
            <pc:docMk/>
            <pc:sldMk cId="1233478976" sldId="299"/>
            <ac:spMk id="12" creationId="{295988A8-96C8-478A-8489-CC29600B1EF4}"/>
          </ac:spMkLst>
        </pc:spChg>
        <pc:picChg chg="add del mod">
          <ac:chgData name="Alan Wai Hou Lio" userId="4e2e7dda-a9a8-4e9f-8daf-fb8d3a66df36" providerId="ADAL" clId="{FD376C26-B4CF-41E1-87D9-A59DDF770948}" dt="2021-06-03T13:08:51.196" v="2408" actId="478"/>
          <ac:picMkLst>
            <pc:docMk/>
            <pc:sldMk cId="1233478976" sldId="299"/>
            <ac:picMk id="1026" creationId="{094C934E-B16F-4989-BD0D-087C66957D20}"/>
          </ac:picMkLst>
        </pc:picChg>
        <pc:picChg chg="add del mod">
          <ac:chgData name="Alan Wai Hou Lio" userId="4e2e7dda-a9a8-4e9f-8daf-fb8d3a66df36" providerId="ADAL" clId="{FD376C26-B4CF-41E1-87D9-A59DDF770948}" dt="2021-06-03T13:09:01.252" v="2411" actId="478"/>
          <ac:picMkLst>
            <pc:docMk/>
            <pc:sldMk cId="1233478976" sldId="299"/>
            <ac:picMk id="1028" creationId="{050FA25B-F415-4A64-9935-60C4C217AE30}"/>
          </ac:picMkLst>
        </pc:picChg>
        <pc:picChg chg="add mod">
          <ac:chgData name="Alan Wai Hou Lio" userId="4e2e7dda-a9a8-4e9f-8daf-fb8d3a66df36" providerId="ADAL" clId="{FD376C26-B4CF-41E1-87D9-A59DDF770948}" dt="2021-06-03T13:15:17.570" v="2727" actId="1076"/>
          <ac:picMkLst>
            <pc:docMk/>
            <pc:sldMk cId="1233478976" sldId="299"/>
            <ac:picMk id="1030" creationId="{68B81E13-25CC-4108-8F56-2CC6C62967A5}"/>
          </ac:picMkLst>
        </pc:picChg>
      </pc:sldChg>
      <pc:sldChg chg="addSp modSp new mod modAnim">
        <pc:chgData name="Alan Wai Hou Lio" userId="4e2e7dda-a9a8-4e9f-8daf-fb8d3a66df36" providerId="ADAL" clId="{FD376C26-B4CF-41E1-87D9-A59DDF770948}" dt="2021-06-03T14:58:50.283" v="3742" actId="1076"/>
        <pc:sldMkLst>
          <pc:docMk/>
          <pc:sldMk cId="3155007109" sldId="300"/>
        </pc:sldMkLst>
        <pc:spChg chg="mod">
          <ac:chgData name="Alan Wai Hou Lio" userId="4e2e7dda-a9a8-4e9f-8daf-fb8d3a66df36" providerId="ADAL" clId="{FD376C26-B4CF-41E1-87D9-A59DDF770948}" dt="2021-06-03T14:44:39.503" v="3339" actId="20577"/>
          <ac:spMkLst>
            <pc:docMk/>
            <pc:sldMk cId="3155007109" sldId="300"/>
            <ac:spMk id="2" creationId="{64672593-4AEA-4FD5-8D32-5F8A5742F98B}"/>
          </ac:spMkLst>
        </pc:spChg>
        <pc:spChg chg="mod">
          <ac:chgData name="Alan Wai Hou Lio" userId="4e2e7dda-a9a8-4e9f-8daf-fb8d3a66df36" providerId="ADAL" clId="{FD376C26-B4CF-41E1-87D9-A59DDF770948}" dt="2021-06-03T14:47:16.443" v="3477" actId="20577"/>
          <ac:spMkLst>
            <pc:docMk/>
            <pc:sldMk cId="3155007109" sldId="300"/>
            <ac:spMk id="3" creationId="{C6857A42-3134-45F0-8C73-486755B78FAD}"/>
          </ac:spMkLst>
        </pc:spChg>
        <pc:spChg chg="add mod">
          <ac:chgData name="Alan Wai Hou Lio" userId="4e2e7dda-a9a8-4e9f-8daf-fb8d3a66df36" providerId="ADAL" clId="{FD376C26-B4CF-41E1-87D9-A59DDF770948}" dt="2021-06-03T14:46:13.761" v="3375" actId="1076"/>
          <ac:spMkLst>
            <pc:docMk/>
            <pc:sldMk cId="3155007109" sldId="300"/>
            <ac:spMk id="5" creationId="{9F12ECB9-FEB0-409E-A20D-24A733B32770}"/>
          </ac:spMkLst>
        </pc:spChg>
        <pc:spChg chg="add mod">
          <ac:chgData name="Alan Wai Hou Lio" userId="4e2e7dda-a9a8-4e9f-8daf-fb8d3a66df36" providerId="ADAL" clId="{FD376C26-B4CF-41E1-87D9-A59DDF770948}" dt="2021-06-03T14:58:48.008" v="3741" actId="20577"/>
          <ac:spMkLst>
            <pc:docMk/>
            <pc:sldMk cId="3155007109" sldId="300"/>
            <ac:spMk id="6" creationId="{98B372FE-01AB-40E2-A389-C2FBFA82EA2D}"/>
          </ac:spMkLst>
        </pc:spChg>
        <pc:picChg chg="add mod">
          <ac:chgData name="Alan Wai Hou Lio" userId="4e2e7dda-a9a8-4e9f-8daf-fb8d3a66df36" providerId="ADAL" clId="{FD376C26-B4CF-41E1-87D9-A59DDF770948}" dt="2021-06-03T14:58:50.283" v="3742" actId="1076"/>
          <ac:picMkLst>
            <pc:docMk/>
            <pc:sldMk cId="3155007109" sldId="300"/>
            <ac:picMk id="8" creationId="{3A04D6FF-8801-4469-94DD-BB49E91727C0}"/>
          </ac:picMkLst>
        </pc:picChg>
      </pc:sldChg>
      <pc:sldChg chg="addSp delSp modSp new mod modAnim">
        <pc:chgData name="Alan Wai Hou Lio" userId="4e2e7dda-a9a8-4e9f-8daf-fb8d3a66df36" providerId="ADAL" clId="{FD376C26-B4CF-41E1-87D9-A59DDF770948}" dt="2021-06-03T15:02:29.869" v="4202"/>
        <pc:sldMkLst>
          <pc:docMk/>
          <pc:sldMk cId="4055543664" sldId="301"/>
        </pc:sldMkLst>
        <pc:spChg chg="del">
          <ac:chgData name="Alan Wai Hou Lio" userId="4e2e7dda-a9a8-4e9f-8daf-fb8d3a66df36" providerId="ADAL" clId="{FD376C26-B4CF-41E1-87D9-A59DDF770948}" dt="2021-06-03T14:51:29.169" v="3627"/>
          <ac:spMkLst>
            <pc:docMk/>
            <pc:sldMk cId="4055543664" sldId="301"/>
            <ac:spMk id="2" creationId="{6DAB7286-CFF8-40DF-B69E-CD5803F4F9D8}"/>
          </ac:spMkLst>
        </pc:spChg>
        <pc:spChg chg="add mod">
          <ac:chgData name="Alan Wai Hou Lio" userId="4e2e7dda-a9a8-4e9f-8daf-fb8d3a66df36" providerId="ADAL" clId="{FD376C26-B4CF-41E1-87D9-A59DDF770948}" dt="2021-06-03T14:51:29.169" v="3627"/>
          <ac:spMkLst>
            <pc:docMk/>
            <pc:sldMk cId="4055543664" sldId="301"/>
            <ac:spMk id="6" creationId="{5C4F39F4-7592-4932-89EA-AA2375EC827E}"/>
          </ac:spMkLst>
        </pc:spChg>
        <pc:spChg chg="add mod">
          <ac:chgData name="Alan Wai Hou Lio" userId="4e2e7dda-a9a8-4e9f-8daf-fb8d3a66df36" providerId="ADAL" clId="{FD376C26-B4CF-41E1-87D9-A59DDF770948}" dt="2021-06-03T15:02:15.202" v="4185" actId="1076"/>
          <ac:spMkLst>
            <pc:docMk/>
            <pc:sldMk cId="4055543664" sldId="301"/>
            <ac:spMk id="7" creationId="{5D82FC58-C309-4E6B-ABD1-05E738EE37D9}"/>
          </ac:spMkLst>
        </pc:spChg>
        <pc:spChg chg="add del mod">
          <ac:chgData name="Alan Wai Hou Lio" userId="4e2e7dda-a9a8-4e9f-8daf-fb8d3a66df36" providerId="ADAL" clId="{FD376C26-B4CF-41E1-87D9-A59DDF770948}" dt="2021-06-03T14:55:51.657" v="3730" actId="478"/>
          <ac:spMkLst>
            <pc:docMk/>
            <pc:sldMk cId="4055543664" sldId="301"/>
            <ac:spMk id="8" creationId="{958B3D3D-F04C-4896-9B4F-016C657A229C}"/>
          </ac:spMkLst>
        </pc:spChg>
        <pc:spChg chg="add del mod">
          <ac:chgData name="Alan Wai Hou Lio" userId="4e2e7dda-a9a8-4e9f-8daf-fb8d3a66df36" providerId="ADAL" clId="{FD376C26-B4CF-41E1-87D9-A59DDF770948}" dt="2021-06-03T14:55:54.199" v="3733" actId="478"/>
          <ac:spMkLst>
            <pc:docMk/>
            <pc:sldMk cId="4055543664" sldId="301"/>
            <ac:spMk id="11" creationId="{757BDF57-7427-46F3-B5A6-B063D394C1C9}"/>
          </ac:spMkLst>
        </pc:spChg>
        <pc:spChg chg="add del mod">
          <ac:chgData name="Alan Wai Hou Lio" userId="4e2e7dda-a9a8-4e9f-8daf-fb8d3a66df36" providerId="ADAL" clId="{FD376C26-B4CF-41E1-87D9-A59DDF770948}" dt="2021-06-03T15:02:29.869" v="4202"/>
          <ac:spMkLst>
            <pc:docMk/>
            <pc:sldMk cId="4055543664" sldId="301"/>
            <ac:spMk id="13" creationId="{54AEC4C5-F404-4E90-8090-E374D05B03B2}"/>
          </ac:spMkLst>
        </pc:spChg>
        <pc:picChg chg="add del mod">
          <ac:chgData name="Alan Wai Hou Lio" userId="4e2e7dda-a9a8-4e9f-8daf-fb8d3a66df36" providerId="ADAL" clId="{FD376C26-B4CF-41E1-87D9-A59DDF770948}" dt="2021-06-03T14:55:28.368" v="3722" actId="478"/>
          <ac:picMkLst>
            <pc:docMk/>
            <pc:sldMk cId="4055543664" sldId="301"/>
            <ac:picMk id="5" creationId="{29A18602-23A5-40AB-8B38-ED2156F6DAD2}"/>
          </ac:picMkLst>
        </pc:picChg>
        <pc:picChg chg="add mod ord">
          <ac:chgData name="Alan Wai Hou Lio" userId="4e2e7dda-a9a8-4e9f-8daf-fb8d3a66df36" providerId="ADAL" clId="{FD376C26-B4CF-41E1-87D9-A59DDF770948}" dt="2021-06-03T14:55:44.382" v="3727" actId="1076"/>
          <ac:picMkLst>
            <pc:docMk/>
            <pc:sldMk cId="4055543664" sldId="301"/>
            <ac:picMk id="12" creationId="{6CD5E37C-DC5D-42DA-AB37-588E522F0A6A}"/>
          </ac:picMkLst>
        </pc:picChg>
        <pc:cxnChg chg="add del mod">
          <ac:chgData name="Alan Wai Hou Lio" userId="4e2e7dda-a9a8-4e9f-8daf-fb8d3a66df36" providerId="ADAL" clId="{FD376C26-B4CF-41E1-87D9-A59DDF770948}" dt="2021-06-03T14:55:52.550" v="3731" actId="478"/>
          <ac:cxnSpMkLst>
            <pc:docMk/>
            <pc:sldMk cId="4055543664" sldId="301"/>
            <ac:cxnSpMk id="10" creationId="{AE2BA247-C15B-487C-B95A-AAAA5C6FC0DE}"/>
          </ac:cxnSpMkLst>
        </pc:cxnChg>
      </pc:sldChg>
      <pc:sldChg chg="modSp new mod">
        <pc:chgData name="Alan Wai Hou Lio" userId="4e2e7dda-a9a8-4e9f-8daf-fb8d3a66df36" providerId="ADAL" clId="{FD376C26-B4CF-41E1-87D9-A59DDF770948}" dt="2021-06-03T15:02:35.258" v="4203" actId="2710"/>
        <pc:sldMkLst>
          <pc:docMk/>
          <pc:sldMk cId="3457511859" sldId="302"/>
        </pc:sldMkLst>
        <pc:spChg chg="mod">
          <ac:chgData name="Alan Wai Hou Lio" userId="4e2e7dda-a9a8-4e9f-8daf-fb8d3a66df36" providerId="ADAL" clId="{FD376C26-B4CF-41E1-87D9-A59DDF770948}" dt="2021-06-03T14:53:23" v="3720" actId="20577"/>
          <ac:spMkLst>
            <pc:docMk/>
            <pc:sldMk cId="3457511859" sldId="302"/>
            <ac:spMk id="2" creationId="{102C03BE-731F-47E4-B6E0-8B3D48A518E9}"/>
          </ac:spMkLst>
        </pc:spChg>
        <pc:spChg chg="mod">
          <ac:chgData name="Alan Wai Hou Lio" userId="4e2e7dda-a9a8-4e9f-8daf-fb8d3a66df36" providerId="ADAL" clId="{FD376C26-B4CF-41E1-87D9-A59DDF770948}" dt="2021-06-03T15:02:35.258" v="4203" actId="2710"/>
          <ac:spMkLst>
            <pc:docMk/>
            <pc:sldMk cId="3457511859" sldId="302"/>
            <ac:spMk id="3" creationId="{424C7E60-DC37-4D38-9FB2-7F1126F45A51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2e20b93-f8f0-4438-9d21-6230dbd4e858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 Energy</a:t>
            </a:r>
          </a:p>
        </p:txBody>
      </p:sp>
      <p:sp>
        <p:nvSpPr>
          <p:cNvPr id="5" name="date" descr="{&quot;templafy&quot;:{&quot;id&quot;:&quot;405b9a8a-8b41-41ab-8c32-d93f4eb448b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02 Oct. 2019</a:t>
            </a:r>
          </a:p>
        </p:txBody>
      </p:sp>
      <p:sp>
        <p:nvSpPr>
          <p:cNvPr id="7" name="text" descr="{&quot;templafy&quot;:{&quot;id&quot;:&quot;bd0d50e4-bc21-458e-ac32-a3237323919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51" y="6548503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r>
              <a:rPr lang="en-US" sz="800" dirty="0">
                <a:solidFill>
                  <a:schemeClr val="bg1"/>
                </a:solidFill>
              </a:rPr>
              <a:t>                                                                                 </a:t>
            </a:r>
            <a:r>
              <a:rPr lang="en-US" sz="700" b="1" kern="1200" dirty="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rPr>
              <a:t>46320: Loads, Aerodynamics and Control of Wind Turbines</a:t>
            </a:r>
            <a:endParaRPr lang="en-GB" sz="700" b="1" kern="1200" dirty="0">
              <a:solidFill>
                <a:schemeClr val="bg1"/>
              </a:solidFill>
              <a:latin typeface="+mn-lt"/>
              <a:ea typeface="ＭＳ Ｐゴシック" pitchFamily="-80" charset="-128"/>
              <a:cs typeface="+mn-cs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hyperlink" Target="mailto:wali@dtu.dk" TargetMode="Externa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90550" y="2132856"/>
            <a:ext cx="11738634" cy="2706458"/>
          </a:xfrm>
        </p:spPr>
        <p:txBody>
          <a:bodyPr/>
          <a:lstStyle/>
          <a:p>
            <a:r>
              <a:rPr lang="en-US" sz="6000" b="0" dirty="0"/>
              <a:t>Introduction to mini-project and </a:t>
            </a:r>
            <a:r>
              <a:rPr lang="en-US" sz="6000" b="0" dirty="0" err="1"/>
              <a:t>Matlab</a:t>
            </a:r>
            <a:r>
              <a:rPr lang="en-US" sz="6000" b="0" dirty="0"/>
              <a:t> turbine model 	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1228" y="332656"/>
            <a:ext cx="10840028" cy="1660654"/>
          </a:xfrm>
        </p:spPr>
        <p:txBody>
          <a:bodyPr/>
          <a:lstStyle/>
          <a:p>
            <a:r>
              <a:rPr lang="en-GB" dirty="0"/>
              <a:t>Wind Turbine Control Online Course 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8" name="Rectangle 7"/>
          <p:cNvSpPr/>
          <p:nvPr/>
        </p:nvSpPr>
        <p:spPr>
          <a:xfrm>
            <a:off x="261228" y="4581128"/>
            <a:ext cx="6046290" cy="181588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Alan Wai Hou Lio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Researcher, DTU Wind Energy</a:t>
            </a: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  <a:hlinkClick r:id="rId4"/>
              </a:rPr>
              <a:t>wali@dtu.dk</a:t>
            </a: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endParaRPr lang="en-GB" b="1" kern="0" dirty="0">
              <a:solidFill>
                <a:schemeClr val="bg1"/>
              </a:solidFill>
              <a:latin typeface="+mn-lt"/>
              <a:ea typeface="+mn-ea"/>
            </a:endParaRPr>
          </a:p>
          <a:p>
            <a:pPr>
              <a:tabLst>
                <a:tab pos="1790700" algn="l"/>
              </a:tabLst>
            </a:pPr>
            <a:r>
              <a:rPr lang="en-GB" b="1" kern="0" dirty="0">
                <a:solidFill>
                  <a:schemeClr val="bg1"/>
                </a:solidFill>
                <a:latin typeface="+mn-lt"/>
                <a:ea typeface="+mn-ea"/>
              </a:rPr>
              <a:t>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612030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5" name="Content Placeholder 1"/>
          <p:cNvSpPr>
            <a:spLocks noGrp="1"/>
          </p:cNvSpPr>
          <p:nvPr>
            <p:ph idx="1"/>
          </p:nvPr>
        </p:nvSpPr>
        <p:spPr>
          <a:xfrm>
            <a:off x="828591" y="1772816"/>
            <a:ext cx="10092530" cy="3888432"/>
          </a:xfrm>
        </p:spPr>
        <p:txBody>
          <a:bodyPr/>
          <a:lstStyle/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As a team, work together on the assignments.</a:t>
            </a:r>
          </a:p>
          <a:p>
            <a:pPr marL="0" indent="0">
              <a:lnSpc>
                <a:spcPct val="200000"/>
              </a:lnSpc>
              <a:buNone/>
            </a:pPr>
            <a:r>
              <a:rPr lang="en-GB" sz="2000" dirty="0"/>
              <a:t>Make a presentation around </a:t>
            </a:r>
            <a:r>
              <a:rPr lang="en-GB" sz="2000" b="1" dirty="0"/>
              <a:t>10-15 minutes </a:t>
            </a:r>
            <a:r>
              <a:rPr lang="en-GB" sz="2000" dirty="0"/>
              <a:t>at the end of the course Day 4.</a:t>
            </a:r>
          </a:p>
        </p:txBody>
      </p:sp>
      <p:sp>
        <p:nvSpPr>
          <p:cNvPr id="6" name="Title 2"/>
          <p:cNvSpPr>
            <a:spLocks noGrp="1"/>
          </p:cNvSpPr>
          <p:nvPr>
            <p:ph type="title"/>
          </p:nvPr>
        </p:nvSpPr>
        <p:spPr>
          <a:xfrm>
            <a:off x="828591" y="260648"/>
            <a:ext cx="10110541" cy="926976"/>
          </a:xfrm>
        </p:spPr>
        <p:txBody>
          <a:bodyPr/>
          <a:lstStyle/>
          <a:p>
            <a:r>
              <a:rPr lang="en-GB" dirty="0"/>
              <a:t>Team mini-project</a:t>
            </a:r>
          </a:p>
        </p:txBody>
      </p:sp>
    </p:spTree>
    <p:extLst>
      <p:ext uri="{BB962C8B-B14F-4D97-AF65-F5344CB8AC3E}">
        <p14:creationId xmlns:p14="http://schemas.microsoft.com/office/powerpoint/2010/main" val="371766938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9C18A05-DDBA-4557-A6CF-C1307968B6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eam A &amp; B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52F24CC-F806-4866-9923-ECE119A705A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54192A56-8354-4E76-82BF-E8FD83D70B7B}"/>
              </a:ext>
            </a:extLst>
          </p:cNvPr>
          <p:cNvSpPr/>
          <p:nvPr/>
        </p:nvSpPr>
        <p:spPr bwMode="auto">
          <a:xfrm>
            <a:off x="2206774" y="1772816"/>
            <a:ext cx="2592288" cy="576064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eam A (NREL 5MW)</a:t>
            </a:r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2E3AFE50-003F-46DC-BE13-ACAFC1863F6D}"/>
              </a:ext>
            </a:extLst>
          </p:cNvPr>
          <p:cNvSpPr/>
          <p:nvPr/>
        </p:nvSpPr>
        <p:spPr bwMode="auto">
          <a:xfrm>
            <a:off x="7535366" y="1772816"/>
            <a:ext cx="3024336" cy="576064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eam B (DTU850k)</a:t>
            </a:r>
          </a:p>
        </p:txBody>
      </p:sp>
      <p:graphicFrame>
        <p:nvGraphicFramePr>
          <p:cNvPr id="9" name="Table 9">
            <a:extLst>
              <a:ext uri="{FF2B5EF4-FFF2-40B4-BE49-F238E27FC236}">
                <a16:creationId xmlns:a16="http://schemas.microsoft.com/office/drawing/2014/main" id="{3C2DDF8A-25E0-4BE6-A7EE-4E71E70BE65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83363247"/>
              </p:ext>
            </p:extLst>
          </p:nvPr>
        </p:nvGraphicFramePr>
        <p:xfrm>
          <a:off x="2214899" y="2722853"/>
          <a:ext cx="2592288" cy="148336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92288">
                  <a:extLst>
                    <a:ext uri="{9D8B030D-6E8A-4147-A177-3AD203B41FA5}">
                      <a16:colId xmlns:a16="http://schemas.microsoft.com/office/drawing/2014/main" val="1165159444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marL="0" marR="0">
                        <a:lnSpc>
                          <a:spcPts val="15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100" dirty="0">
                          <a:effectLst/>
                        </a:rPr>
                        <a:t>Charles </a:t>
                      </a:r>
                      <a:r>
                        <a:rPr lang="en-US" sz="1100" dirty="0" err="1">
                          <a:effectLst/>
                        </a:rPr>
                        <a:t>Godreau</a:t>
                      </a:r>
                      <a:r>
                        <a:rPr lang="en-US" sz="1100" dirty="0">
                          <a:effectLst/>
                        </a:rPr>
                        <a:t> </a:t>
                      </a:r>
                      <a:endParaRPr lang="en-US" sz="1100" dirty="0">
                        <a:effectLst/>
                        <a:latin typeface="Calibri" panose="020F0502020204030204" pitchFamily="34" charset="0"/>
                        <a:ea typeface="PMingLiU" panose="02020500000000000000" pitchFamily="18" charset="-120"/>
                        <a:cs typeface="Times New Roman" panose="02020603050405020304" pitchFamily="18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0103797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algn="l" defTabSz="914400" rtl="0" eaLnBrk="1" latinLnBrk="0" hangingPunct="1">
                        <a:lnSpc>
                          <a:spcPts val="15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1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Claudia </a:t>
                      </a:r>
                      <a:r>
                        <a:rPr lang="en-US" sz="110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Hodonou</a:t>
                      </a:r>
                      <a:endParaRPr lang="en-US" sz="110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893942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algn="l" defTabSz="914400" rtl="0" eaLnBrk="1" latinLnBrk="0" hangingPunct="1">
                        <a:lnSpc>
                          <a:spcPts val="15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1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David </a:t>
                      </a:r>
                      <a:r>
                        <a:rPr lang="en-US" sz="110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Durette</a:t>
                      </a:r>
                      <a:r>
                        <a:rPr lang="en-US" sz="11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909498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algn="l" defTabSz="914400" rtl="0" eaLnBrk="1" latinLnBrk="0" hangingPunct="1">
                        <a:lnSpc>
                          <a:spcPts val="15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1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ergio </a:t>
                      </a:r>
                      <a:r>
                        <a:rPr lang="en-US" sz="110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Gualteros</a:t>
                      </a:r>
                      <a:endParaRPr lang="en-US" sz="110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79808599"/>
                  </a:ext>
                </a:extLst>
              </a:tr>
            </a:tbl>
          </a:graphicData>
        </a:graphic>
      </p:graphicFrame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3DC36E2D-E380-44B6-A687-2BC470913E5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90815911"/>
              </p:ext>
            </p:extLst>
          </p:nvPr>
        </p:nvGraphicFramePr>
        <p:xfrm>
          <a:off x="7751390" y="2722853"/>
          <a:ext cx="2592288" cy="148336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592288">
                  <a:extLst>
                    <a:ext uri="{9D8B030D-6E8A-4147-A177-3AD203B41FA5}">
                      <a16:colId xmlns:a16="http://schemas.microsoft.com/office/drawing/2014/main" val="1165159444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marL="0" marR="0">
                        <a:lnSpc>
                          <a:spcPts val="15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100">
                          <a:solidFill>
                            <a:srgbClr val="3C4043"/>
                          </a:solidFill>
                          <a:effectLst/>
                          <a:latin typeface="Arial" panose="020B0604020202020204" pitchFamily="34" charset="0"/>
                          <a:ea typeface="PMingLiU" panose="02020500000000000000" pitchFamily="18" charset="-120"/>
                          <a:cs typeface="Times New Roman" panose="02020603050405020304" pitchFamily="18" charset="0"/>
                        </a:rPr>
                        <a:t>Denis Lapalme </a:t>
                      </a:r>
                      <a:endParaRPr lang="en-US" sz="1100">
                        <a:effectLst/>
                        <a:latin typeface="Calibri" panose="020F0502020204030204" pitchFamily="34" charset="0"/>
                        <a:ea typeface="PMingLiU" panose="02020500000000000000" pitchFamily="18" charset="-120"/>
                        <a:cs typeface="Times New Roman" panose="02020603050405020304" pitchFamily="18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0103797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>
                        <a:lnSpc>
                          <a:spcPts val="15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100">
                          <a:solidFill>
                            <a:srgbClr val="3C4043"/>
                          </a:solidFill>
                          <a:effectLst/>
                          <a:latin typeface="Arial" panose="020B0604020202020204" pitchFamily="34" charset="0"/>
                          <a:ea typeface="PMingLiU" panose="02020500000000000000" pitchFamily="18" charset="-120"/>
                          <a:cs typeface="Times New Roman" panose="02020603050405020304" pitchFamily="18" charset="0"/>
                        </a:rPr>
                        <a:t>Dominic Bolduc </a:t>
                      </a:r>
                      <a:endParaRPr lang="en-US" sz="1100">
                        <a:effectLst/>
                        <a:latin typeface="Calibri" panose="020F0502020204030204" pitchFamily="34" charset="0"/>
                        <a:ea typeface="PMingLiU" panose="02020500000000000000" pitchFamily="18" charset="-120"/>
                        <a:cs typeface="Times New Roman" panose="02020603050405020304" pitchFamily="18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893942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>
                        <a:lnSpc>
                          <a:spcPts val="15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100" dirty="0">
                          <a:solidFill>
                            <a:srgbClr val="3C4043"/>
                          </a:solidFill>
                          <a:effectLst/>
                          <a:latin typeface="Arial" panose="020B0604020202020204" pitchFamily="34" charset="0"/>
                          <a:ea typeface="PMingLiU" panose="02020500000000000000" pitchFamily="18" charset="-120"/>
                          <a:cs typeface="Times New Roman" panose="02020603050405020304" pitchFamily="18" charset="0"/>
                        </a:rPr>
                        <a:t>Mauricio </a:t>
                      </a:r>
                      <a:r>
                        <a:rPr lang="en-US" sz="1100" dirty="0" err="1">
                          <a:solidFill>
                            <a:srgbClr val="3C4043"/>
                          </a:solidFill>
                          <a:effectLst/>
                          <a:latin typeface="Arial" panose="020B0604020202020204" pitchFamily="34" charset="0"/>
                          <a:ea typeface="PMingLiU" panose="02020500000000000000" pitchFamily="18" charset="-120"/>
                          <a:cs typeface="Times New Roman" panose="02020603050405020304" pitchFamily="18" charset="0"/>
                        </a:rPr>
                        <a:t>Higuita</a:t>
                      </a:r>
                      <a:r>
                        <a:rPr lang="en-US" sz="1100" dirty="0">
                          <a:solidFill>
                            <a:srgbClr val="3C4043"/>
                          </a:solidFill>
                          <a:effectLst/>
                          <a:latin typeface="Arial" panose="020B0604020202020204" pitchFamily="34" charset="0"/>
                          <a:ea typeface="PMingLiU" panose="02020500000000000000" pitchFamily="18" charset="-120"/>
                          <a:cs typeface="Times New Roman" panose="02020603050405020304" pitchFamily="18" charset="0"/>
                        </a:rPr>
                        <a:t> Cano </a:t>
                      </a:r>
                      <a:endParaRPr lang="en-US" sz="1100" dirty="0">
                        <a:effectLst/>
                        <a:latin typeface="Calibri" panose="020F0502020204030204" pitchFamily="34" charset="0"/>
                        <a:ea typeface="PMingLiU" panose="02020500000000000000" pitchFamily="18" charset="-120"/>
                        <a:cs typeface="Times New Roman" panose="02020603050405020304" pitchFamily="18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909498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>
                        <a:lnSpc>
                          <a:spcPts val="15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100" dirty="0">
                          <a:solidFill>
                            <a:srgbClr val="3C4043"/>
                          </a:solidFill>
                          <a:effectLst/>
                          <a:latin typeface="Arial" panose="020B0604020202020204" pitchFamily="34" charset="0"/>
                          <a:ea typeface="PMingLiU" panose="02020500000000000000" pitchFamily="18" charset="-120"/>
                          <a:cs typeface="Times New Roman" panose="02020603050405020304" pitchFamily="18" charset="0"/>
                        </a:rPr>
                        <a:t>Nigel </a:t>
                      </a:r>
                      <a:r>
                        <a:rPr lang="en-US" sz="1100" dirty="0" err="1">
                          <a:solidFill>
                            <a:srgbClr val="3C4043"/>
                          </a:solidFill>
                          <a:effectLst/>
                          <a:latin typeface="Arial" panose="020B0604020202020204" pitchFamily="34" charset="0"/>
                          <a:ea typeface="PMingLiU" panose="02020500000000000000" pitchFamily="18" charset="-120"/>
                          <a:cs typeface="Times New Roman" panose="02020603050405020304" pitchFamily="18" charset="0"/>
                        </a:rPr>
                        <a:t>Swytink-Binnema</a:t>
                      </a:r>
                      <a:r>
                        <a:rPr lang="en-US" sz="1100" dirty="0">
                          <a:solidFill>
                            <a:srgbClr val="3C4043"/>
                          </a:solidFill>
                          <a:effectLst/>
                          <a:latin typeface="Arial" panose="020B0604020202020204" pitchFamily="34" charset="0"/>
                          <a:ea typeface="PMingLiU" panose="02020500000000000000" pitchFamily="18" charset="-120"/>
                          <a:cs typeface="Times New Roman" panose="02020603050405020304" pitchFamily="18" charset="0"/>
                        </a:rPr>
                        <a:t> </a:t>
                      </a:r>
                      <a:endParaRPr lang="en-US" sz="1100" dirty="0">
                        <a:effectLst/>
                        <a:latin typeface="Calibri" panose="020F0502020204030204" pitchFamily="34" charset="0"/>
                        <a:ea typeface="PMingLiU" panose="02020500000000000000" pitchFamily="18" charset="-120"/>
                        <a:cs typeface="Times New Roman" panose="02020603050405020304" pitchFamily="18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79808599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85196523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FAD162-F3DD-4B34-9E27-62B90ECAF6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Go to </a:t>
            </a:r>
            <a:r>
              <a:rPr lang="en-GB" dirty="0" err="1"/>
              <a:t>Matlab</a:t>
            </a:r>
            <a:r>
              <a:rPr lang="en-GB" dirty="0"/>
              <a:t> cod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FD9A2D4-AC76-4790-BB51-A73F8273349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Going through the folder structure, Q2.m and </a:t>
            </a:r>
            <a:r>
              <a:rPr lang="en-GB" dirty="0" err="1"/>
              <a:t>Init.m</a:t>
            </a:r>
            <a:r>
              <a:rPr lang="en-GB" dirty="0"/>
              <a:t> files</a:t>
            </a:r>
          </a:p>
          <a:p>
            <a:pPr>
              <a:lnSpc>
                <a:spcPct val="150000"/>
              </a:lnSpc>
            </a:pPr>
            <a:r>
              <a:rPr lang="en-GB" dirty="0"/>
              <a:t>Going through the Assignmen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BE8B5E7-B108-41DC-A4F6-144F37951C7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9631117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32e20b93-f8f0-4438-9d21-6230dbd4e858","elementConfiguration":{"binding":"UserProfile.Offices.Workarea_{{DocumentLanguage}}","disableUpdates":false,"type":"text"}},{"type":"shape","id":"405b9a8a-8b41-41ab-8c32-d93f4eb448bf","elementConfiguration":{"binding":"Form.Date","format":"{{DateFormats.GeneralDate}}","disableUpdates":false,"type":"date"}},{"type":"shape","id":"bd0d50e4-bc21-458e-ac32-a32373239190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PnsfeoxcHdexsFDJRc+F1w=="},{"name":"PresentationTitle","value":"5qZa9KNE5dI4CZIuE8IxJrsQ70zUCsU1321BQATlq68="}]}]]></Templafy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957680393236694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57680393408390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D27AE696-61B6-4B19-9CED-6F2A3F244FE3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8167AF79-0CD6-4530-97CB-040E9C640D9A}">
  <ds:schemaRefs/>
</ds:datastoreItem>
</file>

<file path=customXml/itemProps6.xml><?xml version="1.0" encoding="utf-8"?>
<ds:datastoreItem xmlns:ds="http://schemas.openxmlformats.org/officeDocument/2006/customXml" ds:itemID="{EDA39089-0955-4719-9CC9-3655C95B79E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5159</TotalTime>
  <Words>115</Words>
  <Application>Microsoft Office PowerPoint</Application>
  <PresentationFormat>Custom</PresentationFormat>
  <Paragraphs>30</Paragraphs>
  <Slides>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rial</vt:lpstr>
      <vt:lpstr>Calibri</vt:lpstr>
      <vt:lpstr>Verdana</vt:lpstr>
      <vt:lpstr>Blank</vt:lpstr>
      <vt:lpstr>PowerPoint Presentation</vt:lpstr>
      <vt:lpstr>Introduction to mini-project and Matlab turbine model  </vt:lpstr>
      <vt:lpstr>Team mini-project</vt:lpstr>
      <vt:lpstr>Team A &amp; B</vt:lpstr>
      <vt:lpstr>Go to Matlab cod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lan Wai Hou Lio</cp:lastModifiedBy>
  <cp:revision>214</cp:revision>
  <dcterms:created xsi:type="dcterms:W3CDTF">2017-07-31T08:31:56Z</dcterms:created>
  <dcterms:modified xsi:type="dcterms:W3CDTF">2021-06-07T14:33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45406195940696</vt:lpwstr>
  </property>
  <property fmtid="{D5CDD505-2E9C-101B-9397-08002B2CF9AE}" pid="6" name="TemplafyLanguageCode">
    <vt:lpwstr>en-GB</vt:lpwstr>
  </property>
</Properties>
</file>